
<file path=[Content_Types].xml><?xml version="1.0" encoding="utf-8"?>
<Types xmlns="http://schemas.openxmlformats.org/package/2006/content-types">
  <Default Extension="gif" ContentType="image/gif"/>
  <Default Extension="jpeg" ContentType="image/jpeg"/>
  <Default Extension="jpg" ContentType="image/jpeg"/>
  <Default Extension="png" ContentType="image/png"/>
  <Default Extension="rels" ContentType="application/vnd.openxmlformats-package.relationships+xml"/>
  <Default Extension="svg" ContentType="image/svg+xml"/>
  <Default Extension="wdp" ContentType="image/vnd.ms-photo"/>
  <Default Extension="xml" ContentType="application/xml"/>
  <Override PartName="/ppt/presentation.xml" ContentType="application/vnd.openxmlformats-officedocument.presentationml.presentation.main+xml"/>
  <Override PartName="/customXml/itemProps1.xml" ContentType="application/vnd.openxmlformats-officedocument.customXmlProperties+xml"/>
  <Override PartName="/customXml/itemProps2.xml" ContentType="application/vnd.openxmlformats-officedocument.customXmlProperties+xml"/>
  <Override PartName="/customXml/itemProps3.xml" ContentType="application/vnd.openxmlformats-officedocument.customXmlProperties+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tags/tag1.xml" ContentType="application/vnd.openxmlformats-officedocument.presentationml.tags+xml"/>
  <Override PartName="/ppt/theme/theme2.xml" ContentType="application/vnd.openxmlformats-officedocument.theme+xml"/>
  <Override PartName="/ppt/notesSlides/notesSlide1.xml" ContentType="application/vnd.openxmlformats-officedocument.presentationml.notesSlide+xml"/>
  <Override PartName="/ppt/revisionInfo.xml" ContentType="application/vnd.ms-powerpoint.revisioninfo+xml"/>
  <Override PartName="/ppt/authors.xml" ContentType="application/vnd.ms-powerpoint.authors+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 Id="rId4" Type="http://schemas.openxmlformats.org/officeDocument/2006/relationships/custom-properties" Target="docProps/custom.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48" r:id="rId4"/>
  </p:sldMasterIdLst>
  <p:notesMasterIdLst>
    <p:notesMasterId r:id="rId43"/>
  </p:notesMasterIdLst>
  <p:sldIdLst>
    <p:sldId id="1685" r:id="rId5"/>
    <p:sldId id="1665" r:id="rId6"/>
    <p:sldId id="1670" r:id="rId7"/>
    <p:sldId id="1686" r:id="rId8"/>
    <p:sldId id="1667" r:id="rId9"/>
    <p:sldId id="1954" r:id="rId10"/>
    <p:sldId id="2731" r:id="rId11"/>
    <p:sldId id="1671" r:id="rId12"/>
    <p:sldId id="258" r:id="rId13"/>
    <p:sldId id="262" r:id="rId14"/>
    <p:sldId id="1946" r:id="rId15"/>
    <p:sldId id="2732" r:id="rId16"/>
    <p:sldId id="2733" r:id="rId17"/>
    <p:sldId id="2734" r:id="rId18"/>
    <p:sldId id="1949" r:id="rId19"/>
    <p:sldId id="1950" r:id="rId20"/>
    <p:sldId id="2735" r:id="rId21"/>
    <p:sldId id="2736" r:id="rId22"/>
    <p:sldId id="2737" r:id="rId23"/>
    <p:sldId id="1945" r:id="rId24"/>
    <p:sldId id="1679" r:id="rId25"/>
    <p:sldId id="2738" r:id="rId26"/>
    <p:sldId id="2739" r:id="rId27"/>
    <p:sldId id="2740" r:id="rId28"/>
    <p:sldId id="263" r:id="rId29"/>
    <p:sldId id="1678" r:id="rId30"/>
    <p:sldId id="2741" r:id="rId31"/>
    <p:sldId id="2742" r:id="rId32"/>
    <p:sldId id="2743" r:id="rId33"/>
    <p:sldId id="1677" r:id="rId34"/>
    <p:sldId id="264" r:id="rId35"/>
    <p:sldId id="2744" r:id="rId36"/>
    <p:sldId id="2745" r:id="rId37"/>
    <p:sldId id="2746" r:id="rId38"/>
    <p:sldId id="1675" r:id="rId39"/>
    <p:sldId id="1684" r:id="rId40"/>
    <p:sldId id="1951" r:id="rId41"/>
    <p:sldId id="1672" r:id="rId42"/>
  </p:sldIdLst>
  <p:sldSz cx="12192000" cy="6858000"/>
  <p:notesSz cx="6858000" cy="9144000"/>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authors.xml><?xml version="1.0" encoding="utf-8"?>
<p188:authorLst xmlns:a="http://schemas.openxmlformats.org/drawingml/2006/main" xmlns:r="http://schemas.openxmlformats.org/officeDocument/2006/relationships" xmlns:p188="http://schemas.microsoft.com/office/powerpoint/2018/8/main">
  <p188:author id="{7A4FF307-4396-6907-479A-68302C3D99CB}" name="Karthikeyan A" initials="KA" userId="S::karthikeyan@aptaracorp.com::8ff4c3fb-6f20-4ae7-9406-2e7ec7894fcb" providerId="AD"/>
  <p188:author id="{40AC6A85-D40E-EFA8-C21F-8E85FA8632A5}" name="Priyanka Banerjee" initials="PB" userId="S::P02900@aptaracorp.com::460ba19b-268d-4d0c-aae2-8b04d4823e92" providerId="AD"/>
  <p188:author id="{82118EB3-A924-B432-9DB4-A4DB4FD08E39}" name="Nailesh Sampat" initials="NS" userId="S::nailesh.sampat@aptaracorp.com::bdd67408-4cd1-48d5-a2e5-784a2459ac5d" providerId="AD"/>
</p188: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CC0000"/>
    <a:srgbClr val="EAE4EF"/>
    <a:srgbClr val="E8E7FA"/>
    <a:srgbClr val="666769"/>
    <a:srgbClr val="FFFFFF"/>
    <a:srgbClr val="002168"/>
    <a:srgbClr val="FF4DE6"/>
    <a:srgbClr val="8FBFFF"/>
    <a:srgbClr val="0066EC"/>
    <a:srgbClr val="660066"/>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revisionInfo.xml><?xml version="1.0" encoding="utf-8"?>
<p1510:revInfo xmlns:a="http://schemas.openxmlformats.org/drawingml/2006/main" xmlns:r="http://schemas.openxmlformats.org/officeDocument/2006/relationships" xmlns:p1510="http://schemas.microsoft.com/office/powerpoint/2015/10/main">
  <p1510:revLst>
    <p1510:client id="{1C7714C8-C048-4B6E-8D61-E376C16146A6}" v="43" dt="2024-04-05T15:32:38.595"/>
  </p1510:revLst>
</p1510:revInfo>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5620"/>
    <p:restoredTop sz="94660"/>
  </p:normalViewPr>
  <p:slideViewPr>
    <p:cSldViewPr snapToGrid="0">
      <p:cViewPr>
        <p:scale>
          <a:sx n="100" d="100"/>
          <a:sy n="100" d="100"/>
        </p:scale>
        <p:origin x="876" y="-60"/>
      </p:cViewPr>
      <p:guideLst/>
    </p:cSldViewPr>
  </p:slideViewPr>
  <p:notesTextViewPr>
    <p:cViewPr>
      <p:scale>
        <a:sx n="1" d="1"/>
        <a:sy n="1" d="1"/>
      </p:scale>
      <p:origin x="0" y="0"/>
    </p:cViewPr>
  </p:notesTextViewPr>
  <p:gridSpacing cx="76200" cy="76200"/>
</p:viewPr>
</file>

<file path=ppt/_rels/presentation.xml.rels><?xml version="1.0" encoding="UTF-8" standalone="yes"?>
<Relationships xmlns="http://schemas.openxmlformats.org/package/2006/relationships"><Relationship Id="rId13" Type="http://schemas.openxmlformats.org/officeDocument/2006/relationships/slide" Target="slides/slide9.xml"/><Relationship Id="rId18" Type="http://schemas.openxmlformats.org/officeDocument/2006/relationships/slide" Target="slides/slide14.xml"/><Relationship Id="rId26" Type="http://schemas.openxmlformats.org/officeDocument/2006/relationships/slide" Target="slides/slide22.xml"/><Relationship Id="rId39" Type="http://schemas.openxmlformats.org/officeDocument/2006/relationships/slide" Target="slides/slide35.xml"/><Relationship Id="rId21" Type="http://schemas.openxmlformats.org/officeDocument/2006/relationships/slide" Target="slides/slide17.xml"/><Relationship Id="rId34" Type="http://schemas.openxmlformats.org/officeDocument/2006/relationships/slide" Target="slides/slide30.xml"/><Relationship Id="rId42" Type="http://schemas.openxmlformats.org/officeDocument/2006/relationships/slide" Target="slides/slide38.xml"/><Relationship Id="rId47" Type="http://schemas.openxmlformats.org/officeDocument/2006/relationships/tableStyles" Target="tableStyles.xml"/><Relationship Id="rId7" Type="http://schemas.openxmlformats.org/officeDocument/2006/relationships/slide" Target="slides/slide3.xml"/><Relationship Id="rId2" Type="http://schemas.openxmlformats.org/officeDocument/2006/relationships/customXml" Target="../customXml/item2.xml"/><Relationship Id="rId16" Type="http://schemas.openxmlformats.org/officeDocument/2006/relationships/slide" Target="slides/slide12.xml"/><Relationship Id="rId29" Type="http://schemas.openxmlformats.org/officeDocument/2006/relationships/slide" Target="slides/slide25.xml"/><Relationship Id="rId11" Type="http://schemas.openxmlformats.org/officeDocument/2006/relationships/slide" Target="slides/slide7.xml"/><Relationship Id="rId24" Type="http://schemas.openxmlformats.org/officeDocument/2006/relationships/slide" Target="slides/slide20.xml"/><Relationship Id="rId32" Type="http://schemas.openxmlformats.org/officeDocument/2006/relationships/slide" Target="slides/slide28.xml"/><Relationship Id="rId37" Type="http://schemas.openxmlformats.org/officeDocument/2006/relationships/slide" Target="slides/slide33.xml"/><Relationship Id="rId40" Type="http://schemas.openxmlformats.org/officeDocument/2006/relationships/slide" Target="slides/slide36.xml"/><Relationship Id="rId45" Type="http://schemas.openxmlformats.org/officeDocument/2006/relationships/viewProps" Target="viewProps.xml"/><Relationship Id="rId5" Type="http://schemas.openxmlformats.org/officeDocument/2006/relationships/slide" Target="slides/slide1.xml"/><Relationship Id="rId15" Type="http://schemas.openxmlformats.org/officeDocument/2006/relationships/slide" Target="slides/slide11.xml"/><Relationship Id="rId23" Type="http://schemas.openxmlformats.org/officeDocument/2006/relationships/slide" Target="slides/slide19.xml"/><Relationship Id="rId28" Type="http://schemas.openxmlformats.org/officeDocument/2006/relationships/slide" Target="slides/slide24.xml"/><Relationship Id="rId36" Type="http://schemas.openxmlformats.org/officeDocument/2006/relationships/slide" Target="slides/slide32.xml"/><Relationship Id="rId49" Type="http://schemas.microsoft.com/office/2018/10/relationships/authors" Target="authors.xml"/><Relationship Id="rId10" Type="http://schemas.openxmlformats.org/officeDocument/2006/relationships/slide" Target="slides/slide6.xml"/><Relationship Id="rId19" Type="http://schemas.openxmlformats.org/officeDocument/2006/relationships/slide" Target="slides/slide15.xml"/><Relationship Id="rId31" Type="http://schemas.openxmlformats.org/officeDocument/2006/relationships/slide" Target="slides/slide27.xml"/><Relationship Id="rId44" Type="http://schemas.openxmlformats.org/officeDocument/2006/relationships/presProps" Target="presProps.xml"/><Relationship Id="rId4" Type="http://schemas.openxmlformats.org/officeDocument/2006/relationships/slideMaster" Target="slideMasters/slideMaster1.xml"/><Relationship Id="rId9" Type="http://schemas.openxmlformats.org/officeDocument/2006/relationships/slide" Target="slides/slide5.xml"/><Relationship Id="rId14" Type="http://schemas.openxmlformats.org/officeDocument/2006/relationships/slide" Target="slides/slide10.xml"/><Relationship Id="rId22" Type="http://schemas.openxmlformats.org/officeDocument/2006/relationships/slide" Target="slides/slide18.xml"/><Relationship Id="rId27" Type="http://schemas.openxmlformats.org/officeDocument/2006/relationships/slide" Target="slides/slide23.xml"/><Relationship Id="rId30" Type="http://schemas.openxmlformats.org/officeDocument/2006/relationships/slide" Target="slides/slide26.xml"/><Relationship Id="rId35" Type="http://schemas.openxmlformats.org/officeDocument/2006/relationships/slide" Target="slides/slide31.xml"/><Relationship Id="rId43" Type="http://schemas.openxmlformats.org/officeDocument/2006/relationships/notesMaster" Target="notesMasters/notesMaster1.xml"/><Relationship Id="rId48" Type="http://schemas.microsoft.com/office/2015/10/relationships/revisionInfo" Target="revisionInfo.xml"/><Relationship Id="rId8" Type="http://schemas.openxmlformats.org/officeDocument/2006/relationships/slide" Target="slides/slide4.xml"/><Relationship Id="rId3" Type="http://schemas.openxmlformats.org/officeDocument/2006/relationships/customXml" Target="../customXml/item3.xml"/><Relationship Id="rId12" Type="http://schemas.openxmlformats.org/officeDocument/2006/relationships/slide" Target="slides/slide8.xml"/><Relationship Id="rId17" Type="http://schemas.openxmlformats.org/officeDocument/2006/relationships/slide" Target="slides/slide13.xml"/><Relationship Id="rId25" Type="http://schemas.openxmlformats.org/officeDocument/2006/relationships/slide" Target="slides/slide21.xml"/><Relationship Id="rId33" Type="http://schemas.openxmlformats.org/officeDocument/2006/relationships/slide" Target="slides/slide29.xml"/><Relationship Id="rId38" Type="http://schemas.openxmlformats.org/officeDocument/2006/relationships/slide" Target="slides/slide34.xml"/><Relationship Id="rId46" Type="http://schemas.openxmlformats.org/officeDocument/2006/relationships/theme" Target="theme/theme1.xml"/><Relationship Id="rId20" Type="http://schemas.openxmlformats.org/officeDocument/2006/relationships/slide" Target="slides/slide16.xml"/><Relationship Id="rId41" Type="http://schemas.openxmlformats.org/officeDocument/2006/relationships/slide" Target="slides/slide37.xml"/><Relationship Id="rId1" Type="http://schemas.openxmlformats.org/officeDocument/2006/relationships/customXml" Target="../customXml/item1.xml"/><Relationship Id="rId6" Type="http://schemas.openxmlformats.org/officeDocument/2006/relationships/slide" Target="slides/slide2.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IN"/>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74B8A90F-A7CD-453D-8E82-D769B011B8A8}" type="datetimeFigureOut">
              <a:rPr lang="en-IN" smtClean="0"/>
              <a:t>09-04-2024</a:t>
            </a:fld>
            <a:endParaRPr lang="en-IN"/>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IN"/>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IN"/>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IN"/>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48BDE7FE-529B-4E68-9BDC-795650D453F2}" type="slidenum">
              <a:rPr lang="en-IN" smtClean="0"/>
              <a:t>‹#›</a:t>
            </a:fld>
            <a:endParaRPr lang="en-IN"/>
          </a:p>
        </p:txBody>
      </p:sp>
    </p:spTree>
    <p:extLst>
      <p:ext uri="{BB962C8B-B14F-4D97-AF65-F5344CB8AC3E}">
        <p14:creationId xmlns:p14="http://schemas.microsoft.com/office/powerpoint/2010/main" val="3141955451"/>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48BDE7FE-529B-4E68-9BDC-795650D453F2}" type="slidenum">
              <a:rPr lang="en-IN" smtClean="0"/>
              <a:t>35</a:t>
            </a:fld>
            <a:endParaRPr lang="en-IN"/>
          </a:p>
        </p:txBody>
      </p:sp>
    </p:spTree>
    <p:extLst>
      <p:ext uri="{BB962C8B-B14F-4D97-AF65-F5344CB8AC3E}">
        <p14:creationId xmlns:p14="http://schemas.microsoft.com/office/powerpoint/2010/main" val="4034574457"/>
      </p:ext>
    </p:extLst>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4.jpeg"/><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3" Type="http://schemas.openxmlformats.org/officeDocument/2006/relationships/image" Target="../media/image6.png"/><Relationship Id="rId2" Type="http://schemas.openxmlformats.org/officeDocument/2006/relationships/image" Target="../media/image5.jpeg"/><Relationship Id="rId1" Type="http://schemas.openxmlformats.org/officeDocument/2006/relationships/slideMaster" Target="../slideMasters/slideMaster1.xml"/><Relationship Id="rId6" Type="http://schemas.openxmlformats.org/officeDocument/2006/relationships/image" Target="../media/image3.svg"/><Relationship Id="rId5" Type="http://schemas.openxmlformats.org/officeDocument/2006/relationships/image" Target="../media/image2.png"/><Relationship Id="rId4" Type="http://schemas.openxmlformats.org/officeDocument/2006/relationships/image" Target="../media/image7.svg"/></Relationships>
</file>

<file path=ppt/slideLayouts/_rels/slideLayout5.xml.rels><?xml version="1.0" encoding="UTF-8" standalone="yes"?>
<Relationships xmlns="http://schemas.openxmlformats.org/package/2006/relationships"><Relationship Id="rId3" Type="http://schemas.openxmlformats.org/officeDocument/2006/relationships/image" Target="../media/image8.jpeg"/><Relationship Id="rId2" Type="http://schemas.openxmlformats.org/officeDocument/2006/relationships/slideMaster" Target="../slideMasters/slideMaster1.xml"/><Relationship Id="rId1" Type="http://schemas.openxmlformats.org/officeDocument/2006/relationships/tags" Target="../tags/tag1.xml"/><Relationship Id="rId4" Type="http://schemas.openxmlformats.org/officeDocument/2006/relationships/image" Target="../media/image9.png"/></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pic>
        <p:nvPicPr>
          <p:cNvPr id="4" name="Picture 3">
            <a:extLst>
              <a:ext uri="{FF2B5EF4-FFF2-40B4-BE49-F238E27FC236}">
                <a16:creationId xmlns:a16="http://schemas.microsoft.com/office/drawing/2014/main" id="{DEEFCCA0-8312-88AB-8CEB-A2C23D8BEFFC}"/>
              </a:ext>
            </a:extLst>
          </p:cNvPr>
          <p:cNvPicPr>
            <a:picLocks noChangeAspect="1"/>
          </p:cNvPicPr>
          <p:nvPr userDrawn="1"/>
        </p:nvPicPr>
        <p:blipFill rotWithShape="1">
          <a:blip r:embed="rId2" cstate="screen">
            <a:extLst>
              <a:ext uri="{28A0092B-C50C-407E-A947-70E740481C1C}">
                <a14:useLocalDpi xmlns:a14="http://schemas.microsoft.com/office/drawing/2010/main"/>
              </a:ext>
            </a:extLst>
          </a:blip>
          <a:srcRect/>
          <a:stretch/>
        </p:blipFill>
        <p:spPr>
          <a:xfrm flipH="1">
            <a:off x="-4" y="0"/>
            <a:ext cx="12192004" cy="6873240"/>
          </a:xfrm>
          <a:prstGeom prst="rect">
            <a:avLst/>
          </a:prstGeom>
        </p:spPr>
      </p:pic>
      <p:sp>
        <p:nvSpPr>
          <p:cNvPr id="2" name="Title 1">
            <a:extLst>
              <a:ext uri="{FF2B5EF4-FFF2-40B4-BE49-F238E27FC236}">
                <a16:creationId xmlns:a16="http://schemas.microsoft.com/office/drawing/2014/main" id="{5609F397-A176-A39B-730E-D8B084EBD22D}"/>
              </a:ext>
            </a:extLst>
          </p:cNvPr>
          <p:cNvSpPr>
            <a:spLocks noGrp="1"/>
          </p:cNvSpPr>
          <p:nvPr>
            <p:ph type="ctrTitle"/>
          </p:nvPr>
        </p:nvSpPr>
        <p:spPr>
          <a:xfrm>
            <a:off x="1360511" y="1469985"/>
            <a:ext cx="7113591" cy="2039977"/>
          </a:xfrm>
        </p:spPr>
        <p:txBody>
          <a:bodyPr anchor="b">
            <a:normAutofit/>
          </a:bodyPr>
          <a:lstStyle>
            <a:lvl1pPr algn="l">
              <a:defRPr sz="3600"/>
            </a:lvl1pPr>
          </a:lstStyle>
          <a:p>
            <a:r>
              <a:rPr lang="en-US"/>
              <a:t>Click to edit Master title style</a:t>
            </a:r>
            <a:endParaRPr lang="en-IN"/>
          </a:p>
        </p:txBody>
      </p:sp>
      <p:sp>
        <p:nvSpPr>
          <p:cNvPr id="3" name="Subtitle 2">
            <a:extLst>
              <a:ext uri="{FF2B5EF4-FFF2-40B4-BE49-F238E27FC236}">
                <a16:creationId xmlns:a16="http://schemas.microsoft.com/office/drawing/2014/main" id="{4BA6EBF0-D23E-2EBB-C235-C07CF91C72AA}"/>
              </a:ext>
            </a:extLst>
          </p:cNvPr>
          <p:cNvSpPr>
            <a:spLocks noGrp="1"/>
          </p:cNvSpPr>
          <p:nvPr>
            <p:ph type="subTitle" idx="1"/>
          </p:nvPr>
        </p:nvSpPr>
        <p:spPr>
          <a:xfrm>
            <a:off x="1632030" y="3832287"/>
            <a:ext cx="6099568" cy="679362"/>
          </a:xfrm>
        </p:spPr>
        <p:txBody>
          <a:bodyPr>
            <a:normAutofit/>
          </a:bodyPr>
          <a:lstStyle>
            <a:lvl1pPr marL="0" indent="0" algn="l">
              <a:buNone/>
              <a:defRPr sz="16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endParaRPr lang="en-IN"/>
          </a:p>
        </p:txBody>
      </p:sp>
    </p:spTree>
    <p:extLst>
      <p:ext uri="{BB962C8B-B14F-4D97-AF65-F5344CB8AC3E}">
        <p14:creationId xmlns:p14="http://schemas.microsoft.com/office/powerpoint/2010/main" val="210316261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C3E056A-0DD2-6EE4-FBEE-9503F064750D}"/>
              </a:ext>
            </a:extLst>
          </p:cNvPr>
          <p:cNvSpPr>
            <a:spLocks noGrp="1"/>
          </p:cNvSpPr>
          <p:nvPr>
            <p:ph type="title"/>
          </p:nvPr>
        </p:nvSpPr>
        <p:spPr/>
        <p:txBody>
          <a:bodyPr/>
          <a:lstStyle/>
          <a:p>
            <a:r>
              <a:rPr lang="en-US"/>
              <a:t>Click to edit Master title style</a:t>
            </a:r>
            <a:endParaRPr lang="en-IN"/>
          </a:p>
        </p:txBody>
      </p:sp>
      <p:sp>
        <p:nvSpPr>
          <p:cNvPr id="3" name="Content Placeholder 2">
            <a:extLst>
              <a:ext uri="{FF2B5EF4-FFF2-40B4-BE49-F238E27FC236}">
                <a16:creationId xmlns:a16="http://schemas.microsoft.com/office/drawing/2014/main" id="{66BFCB1C-8487-648D-0094-30FA90715FD7}"/>
              </a:ext>
            </a:extLst>
          </p:cNvPr>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IN"/>
          </a:p>
        </p:txBody>
      </p:sp>
      <p:sp>
        <p:nvSpPr>
          <p:cNvPr id="4" name="Date Placeholder 3">
            <a:extLst>
              <a:ext uri="{FF2B5EF4-FFF2-40B4-BE49-F238E27FC236}">
                <a16:creationId xmlns:a16="http://schemas.microsoft.com/office/drawing/2014/main" id="{594E5E8A-2C50-EC78-F097-9365B31FBD41}"/>
              </a:ext>
            </a:extLst>
          </p:cNvPr>
          <p:cNvSpPr>
            <a:spLocks noGrp="1"/>
          </p:cNvSpPr>
          <p:nvPr>
            <p:ph type="dt" sz="half" idx="10"/>
          </p:nvPr>
        </p:nvSpPr>
        <p:spPr>
          <a:xfrm>
            <a:off x="838200" y="6356350"/>
            <a:ext cx="2743200" cy="365125"/>
          </a:xfrm>
          <a:prstGeom prst="rect">
            <a:avLst/>
          </a:prstGeom>
        </p:spPr>
        <p:txBody>
          <a:bodyPr/>
          <a:lstStyle/>
          <a:p>
            <a:fld id="{331BE31E-D82D-48A7-8363-1BA11880AFF2}" type="datetimeFigureOut">
              <a:rPr lang="en-IN" smtClean="0"/>
              <a:t>09-04-2024</a:t>
            </a:fld>
            <a:endParaRPr lang="en-IN"/>
          </a:p>
        </p:txBody>
      </p:sp>
      <p:sp>
        <p:nvSpPr>
          <p:cNvPr id="5" name="Footer Placeholder 4">
            <a:extLst>
              <a:ext uri="{FF2B5EF4-FFF2-40B4-BE49-F238E27FC236}">
                <a16:creationId xmlns:a16="http://schemas.microsoft.com/office/drawing/2014/main" id="{B8749215-4B4C-8503-BFBC-005BFA02CA7C}"/>
              </a:ext>
            </a:extLst>
          </p:cNvPr>
          <p:cNvSpPr>
            <a:spLocks noGrp="1"/>
          </p:cNvSpPr>
          <p:nvPr>
            <p:ph type="ftr" sz="quarter" idx="11"/>
          </p:nvPr>
        </p:nvSpPr>
        <p:spPr>
          <a:xfrm>
            <a:off x="4038600" y="6356350"/>
            <a:ext cx="4114800" cy="365125"/>
          </a:xfrm>
          <a:prstGeom prst="rect">
            <a:avLst/>
          </a:prstGeom>
        </p:spPr>
        <p:txBody>
          <a:bodyPr/>
          <a:lstStyle/>
          <a:p>
            <a:endParaRPr lang="en-IN"/>
          </a:p>
        </p:txBody>
      </p:sp>
    </p:spTree>
    <p:extLst>
      <p:ext uri="{BB962C8B-B14F-4D97-AF65-F5344CB8AC3E}">
        <p14:creationId xmlns:p14="http://schemas.microsoft.com/office/powerpoint/2010/main" val="3962655451"/>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
        <p:nvSpPr>
          <p:cNvPr id="5" name="Rectangle 4">
            <a:extLst>
              <a:ext uri="{FF2B5EF4-FFF2-40B4-BE49-F238E27FC236}">
                <a16:creationId xmlns:a16="http://schemas.microsoft.com/office/drawing/2014/main" id="{6A71632C-AF3E-684F-9EC8-0326EC0D392E}"/>
              </a:ext>
            </a:extLst>
          </p:cNvPr>
          <p:cNvSpPr/>
          <p:nvPr userDrawn="1"/>
        </p:nvSpPr>
        <p:spPr>
          <a:xfrm>
            <a:off x="0" y="0"/>
            <a:ext cx="12192000" cy="6858000"/>
          </a:xfrm>
          <a:prstGeom prst="rect">
            <a:avLst/>
          </a:prstGeom>
          <a:gradFill>
            <a:gsLst>
              <a:gs pos="0">
                <a:srgbClr val="00266D"/>
              </a:gs>
              <a:gs pos="70000">
                <a:srgbClr val="013888"/>
              </a:gs>
            </a:gsLst>
            <a:lin ang="12600000" scaled="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Tree>
    <p:extLst>
      <p:ext uri="{BB962C8B-B14F-4D97-AF65-F5344CB8AC3E}">
        <p14:creationId xmlns:p14="http://schemas.microsoft.com/office/powerpoint/2010/main" val="4081703670"/>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blank" preserve="1">
  <p:cSld name="2_Blank">
    <p:spTree>
      <p:nvGrpSpPr>
        <p:cNvPr id="1" name=""/>
        <p:cNvGrpSpPr/>
        <p:nvPr/>
      </p:nvGrpSpPr>
      <p:grpSpPr>
        <a:xfrm>
          <a:off x="0" y="0"/>
          <a:ext cx="0" cy="0"/>
          <a:chOff x="0" y="0"/>
          <a:chExt cx="0" cy="0"/>
        </a:xfrm>
      </p:grpSpPr>
      <p:pic>
        <p:nvPicPr>
          <p:cNvPr id="2" name="Picture 1" descr="A white rectangle with a black border&#10;&#10;Description automatically generated with low confidence">
            <a:extLst>
              <a:ext uri="{FF2B5EF4-FFF2-40B4-BE49-F238E27FC236}">
                <a16:creationId xmlns:a16="http://schemas.microsoft.com/office/drawing/2014/main" id="{327E4148-FFB4-67D2-966D-7389AB14B7C4}"/>
              </a:ext>
            </a:extLst>
          </p:cNvPr>
          <p:cNvPicPr>
            <a:picLocks noChangeAspect="1"/>
          </p:cNvPicPr>
          <p:nvPr userDrawn="1"/>
        </p:nvPicPr>
        <p:blipFill rotWithShape="1">
          <a:blip r:embed="rId2" cstate="screen">
            <a:extLst>
              <a:ext uri="{28A0092B-C50C-407E-A947-70E740481C1C}">
                <a14:useLocalDpi xmlns:a14="http://schemas.microsoft.com/office/drawing/2010/main"/>
              </a:ext>
            </a:extLst>
          </a:blip>
          <a:srcRect/>
          <a:stretch/>
        </p:blipFill>
        <p:spPr>
          <a:xfrm>
            <a:off x="0" y="0"/>
            <a:ext cx="12192000" cy="6858000"/>
          </a:xfrm>
          <a:prstGeom prst="rect">
            <a:avLst/>
          </a:prstGeom>
        </p:spPr>
      </p:pic>
      <p:pic>
        <p:nvPicPr>
          <p:cNvPr id="3" name="Graphic 2">
            <a:extLst>
              <a:ext uri="{FF2B5EF4-FFF2-40B4-BE49-F238E27FC236}">
                <a16:creationId xmlns:a16="http://schemas.microsoft.com/office/drawing/2014/main" id="{815071D1-8CF2-8369-BAE0-F33C0B294E0E}"/>
              </a:ext>
            </a:extLst>
          </p:cNvPr>
          <p:cNvPicPr>
            <a:picLocks noChangeAspect="1"/>
          </p:cNvPicPr>
          <p:nvPr userDrawn="1"/>
        </p:nvPicPr>
        <p:blipFill rotWithShape="1">
          <a:blip r:embed="rId3" cstate="screen">
            <a:extLst>
              <a:ext uri="{28A0092B-C50C-407E-A947-70E740481C1C}">
                <a14:useLocalDpi xmlns:a14="http://schemas.microsoft.com/office/drawing/2010/main"/>
              </a:ext>
              <a:ext uri="{96DAC541-7B7A-43D3-8B79-37D633B846F1}">
                <asvg:svgBlip xmlns:asvg="http://schemas.microsoft.com/office/drawing/2016/SVG/main" r:embed="rId4"/>
              </a:ext>
            </a:extLst>
          </a:blip>
          <a:srcRect t="35446" b="28376"/>
          <a:stretch/>
        </p:blipFill>
        <p:spPr>
          <a:xfrm>
            <a:off x="571500" y="1771650"/>
            <a:ext cx="1057441" cy="1847850"/>
          </a:xfrm>
          <a:prstGeom prst="rect">
            <a:avLst/>
          </a:prstGeom>
        </p:spPr>
      </p:pic>
      <p:pic>
        <p:nvPicPr>
          <p:cNvPr id="4" name="Graphic 3">
            <a:extLst>
              <a:ext uri="{FF2B5EF4-FFF2-40B4-BE49-F238E27FC236}">
                <a16:creationId xmlns:a16="http://schemas.microsoft.com/office/drawing/2014/main" id="{874152AA-615F-9578-E5E3-EAE59E3EB987}"/>
              </a:ext>
            </a:extLst>
          </p:cNvPr>
          <p:cNvPicPr>
            <a:picLocks noChangeAspect="1"/>
          </p:cNvPicPr>
          <p:nvPr userDrawn="1"/>
        </p:nvPicPr>
        <p:blipFill>
          <a:blip r:embed="rId3">
            <a:extLst>
              <a:ext uri="{96DAC541-7B7A-43D3-8B79-37D633B846F1}">
                <asvg:svgBlip xmlns:asvg="http://schemas.microsoft.com/office/drawing/2016/SVG/main" r:embed="rId4"/>
              </a:ext>
            </a:extLst>
          </a:blip>
          <a:stretch>
            <a:fillRect/>
          </a:stretch>
        </p:blipFill>
        <p:spPr>
          <a:xfrm>
            <a:off x="9091315" y="0"/>
            <a:ext cx="1419820" cy="6858000"/>
          </a:xfrm>
          <a:prstGeom prst="rect">
            <a:avLst/>
          </a:prstGeom>
        </p:spPr>
      </p:pic>
      <p:pic>
        <p:nvPicPr>
          <p:cNvPr id="6" name="Graphic 5">
            <a:extLst>
              <a:ext uri="{FF2B5EF4-FFF2-40B4-BE49-F238E27FC236}">
                <a16:creationId xmlns:a16="http://schemas.microsoft.com/office/drawing/2014/main" id="{EB41AA0E-3258-D011-D1BA-E9680641E3E3}"/>
              </a:ext>
            </a:extLst>
          </p:cNvPr>
          <p:cNvPicPr>
            <a:picLocks noChangeAspect="1"/>
          </p:cNvPicPr>
          <p:nvPr userDrawn="1"/>
        </p:nvPicPr>
        <p:blipFill>
          <a:blip r:embed="rId5">
            <a:extLst>
              <a:ext uri="{96DAC541-7B7A-43D3-8B79-37D633B846F1}">
                <asvg:svgBlip xmlns:asvg="http://schemas.microsoft.com/office/drawing/2016/SVG/main" r:embed="rId6"/>
              </a:ext>
            </a:extLst>
          </a:blip>
          <a:stretch>
            <a:fillRect/>
          </a:stretch>
        </p:blipFill>
        <p:spPr>
          <a:xfrm>
            <a:off x="10845602" y="294821"/>
            <a:ext cx="1070016" cy="199686"/>
          </a:xfrm>
          <a:prstGeom prst="rect">
            <a:avLst/>
          </a:prstGeom>
        </p:spPr>
      </p:pic>
    </p:spTree>
    <p:extLst>
      <p:ext uri="{BB962C8B-B14F-4D97-AF65-F5344CB8AC3E}">
        <p14:creationId xmlns:p14="http://schemas.microsoft.com/office/powerpoint/2010/main" val="2556534986"/>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userDrawn="1">
  <p:cSld name="Content">
    <p:spTree>
      <p:nvGrpSpPr>
        <p:cNvPr id="1" name=""/>
        <p:cNvGrpSpPr/>
        <p:nvPr/>
      </p:nvGrpSpPr>
      <p:grpSpPr>
        <a:xfrm>
          <a:off x="0" y="0"/>
          <a:ext cx="0" cy="0"/>
          <a:chOff x="0" y="0"/>
          <a:chExt cx="0" cy="0"/>
        </a:xfrm>
      </p:grpSpPr>
      <p:pic>
        <p:nvPicPr>
          <p:cNvPr id="14" name="Picture 13"/>
          <p:cNvPicPr>
            <a:picLocks noChangeAspect="1"/>
          </p:cNvPicPr>
          <p:nvPr userDrawn="1"/>
        </p:nvPicPr>
        <p:blipFill rotWithShape="1">
          <a:blip r:embed="rId3">
            <a:extLst>
              <a:ext uri="{28A0092B-C50C-407E-A947-70E740481C1C}">
                <a14:useLocalDpi xmlns:a14="http://schemas.microsoft.com/office/drawing/2010/main" val="0"/>
              </a:ext>
            </a:extLst>
          </a:blip>
          <a:srcRect t="-257" b="460"/>
          <a:stretch/>
        </p:blipFill>
        <p:spPr>
          <a:xfrm>
            <a:off x="-1" y="-10274"/>
            <a:ext cx="12192001" cy="6871382"/>
          </a:xfrm>
          <a:prstGeom prst="rect">
            <a:avLst/>
          </a:prstGeom>
        </p:spPr>
      </p:pic>
      <p:sp>
        <p:nvSpPr>
          <p:cNvPr id="12" name="Slide Number Placeholder 5"/>
          <p:cNvSpPr>
            <a:spLocks noGrp="1"/>
          </p:cNvSpPr>
          <p:nvPr>
            <p:ph type="sldNum" sz="quarter" idx="12"/>
          </p:nvPr>
        </p:nvSpPr>
        <p:spPr>
          <a:xfrm>
            <a:off x="9093387" y="6463927"/>
            <a:ext cx="3048000" cy="365125"/>
          </a:xfrm>
          <a:prstGeom prst="rect">
            <a:avLst/>
          </a:prstGeom>
        </p:spPr>
        <p:txBody>
          <a:bodyPr anchor="ctr"/>
          <a:lstStyle>
            <a:lvl1pPr algn="r">
              <a:defRPr sz="1200">
                <a:solidFill>
                  <a:srgbClr val="404040"/>
                </a:solidFill>
                <a:latin typeface="+mj-lt"/>
                <a:ea typeface="Tahoma" pitchFamily="34" charset="0"/>
                <a:cs typeface="Tahoma" pitchFamily="34" charset="0"/>
              </a:defRPr>
            </a:lvl1pPr>
          </a:lstStyle>
          <a:p>
            <a:fld id="{56401666-4A6E-4ACE-A673-0C447E42B71F}" type="slidenum">
              <a:rPr lang="en-US" smtClean="0"/>
              <a:pPr/>
              <a:t>‹#›</a:t>
            </a:fld>
            <a:endParaRPr lang="en-US"/>
          </a:p>
        </p:txBody>
      </p:sp>
      <p:pic>
        <p:nvPicPr>
          <p:cNvPr id="3" name="Picture 2"/>
          <p:cNvPicPr>
            <a:picLocks noChangeAspect="1"/>
          </p:cNvPicPr>
          <p:nvPr userDrawn="1"/>
        </p:nvPicPr>
        <p:blipFill>
          <a:blip r:embed="rId4" cstate="print">
            <a:extLst>
              <a:ext uri="{28A0092B-C50C-407E-A947-70E740481C1C}">
                <a14:useLocalDpi xmlns:a14="http://schemas.microsoft.com/office/drawing/2010/main" val="0"/>
              </a:ext>
            </a:extLst>
          </a:blip>
          <a:stretch>
            <a:fillRect/>
          </a:stretch>
        </p:blipFill>
        <p:spPr>
          <a:xfrm>
            <a:off x="10825152" y="148793"/>
            <a:ext cx="1219200" cy="365760"/>
          </a:xfrm>
          <a:prstGeom prst="rect">
            <a:avLst/>
          </a:prstGeom>
        </p:spPr>
      </p:pic>
      <p:sp>
        <p:nvSpPr>
          <p:cNvPr id="7" name="Title 3">
            <a:extLst>
              <a:ext uri="{FF2B5EF4-FFF2-40B4-BE49-F238E27FC236}">
                <a16:creationId xmlns:a16="http://schemas.microsoft.com/office/drawing/2014/main" id="{650BBF8C-B6F4-49DE-9632-8FAD2BD6EE09}"/>
              </a:ext>
            </a:extLst>
          </p:cNvPr>
          <p:cNvSpPr>
            <a:spLocks noGrp="1"/>
          </p:cNvSpPr>
          <p:nvPr>
            <p:ph type="title" hasCustomPrompt="1"/>
          </p:nvPr>
        </p:nvSpPr>
        <p:spPr>
          <a:xfrm>
            <a:off x="461952" y="148793"/>
            <a:ext cx="10972800" cy="582288"/>
          </a:xfrm>
        </p:spPr>
        <p:txBody>
          <a:bodyPr>
            <a:normAutofit/>
          </a:bodyPr>
          <a:lstStyle>
            <a:lvl1pPr>
              <a:defRPr kumimoji="0" lang="en-US" sz="2400" b="1" i="0" u="none" strike="noStrike" kern="1200" cap="none" spc="0" normalizeH="0" baseline="0" dirty="0">
                <a:ln>
                  <a:noFill/>
                </a:ln>
                <a:solidFill>
                  <a:srgbClr val="221F1F"/>
                </a:solidFill>
                <a:effectLst/>
                <a:uLnTx/>
                <a:uFillTx/>
                <a:latin typeface="Calibri"/>
                <a:ea typeface="+mj-ea"/>
                <a:cs typeface="+mj-cs"/>
              </a:defRPr>
            </a:lvl1pPr>
          </a:lstStyle>
          <a:p>
            <a:pPr marL="0" marR="0" lvl="0" indent="0" algn="l" defTabSz="914400" rtl="0" eaLnBrk="1" fontAlgn="auto" latinLnBrk="0" hangingPunct="1">
              <a:lnSpc>
                <a:spcPct val="90000"/>
              </a:lnSpc>
              <a:spcBef>
                <a:spcPct val="0"/>
              </a:spcBef>
              <a:spcAft>
                <a:spcPts val="0"/>
              </a:spcAft>
              <a:buClrTx/>
              <a:buSzTx/>
              <a:buFontTx/>
              <a:buNone/>
              <a:tabLst/>
              <a:defRPr/>
            </a:pPr>
            <a:r>
              <a:rPr lang="en-US"/>
              <a:t>CLICK TO EDIT MASTER TITLE STYLE</a:t>
            </a:r>
          </a:p>
        </p:txBody>
      </p:sp>
      <p:cxnSp>
        <p:nvCxnSpPr>
          <p:cNvPr id="9" name="Straight Connector 8">
            <a:extLst>
              <a:ext uri="{FF2B5EF4-FFF2-40B4-BE49-F238E27FC236}">
                <a16:creationId xmlns:a16="http://schemas.microsoft.com/office/drawing/2014/main" id="{C37146DF-E40D-4E80-B7EE-5CC87073F9B6}"/>
              </a:ext>
            </a:extLst>
          </p:cNvPr>
          <p:cNvCxnSpPr/>
          <p:nvPr userDrawn="1"/>
        </p:nvCxnSpPr>
        <p:spPr>
          <a:xfrm>
            <a:off x="551529" y="753596"/>
            <a:ext cx="640080" cy="0"/>
          </a:xfrm>
          <a:prstGeom prst="line">
            <a:avLst/>
          </a:prstGeom>
          <a:ln w="15875">
            <a:solidFill>
              <a:srgbClr val="221F1F"/>
            </a:solidFill>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23592768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nodeType="with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500" fill="hold"/>
                                        <p:tgtEl>
                                          <p:spTgt spid="9"/>
                                        </p:tgtEl>
                                        <p:attrNameLst>
                                          <p:attrName>ppt_x</p:attrName>
                                        </p:attrNameLst>
                                      </p:cBhvr>
                                      <p:tavLst>
                                        <p:tav tm="0">
                                          <p:val>
                                            <p:strVal val="0-#ppt_w/2"/>
                                          </p:val>
                                        </p:tav>
                                        <p:tav tm="100000">
                                          <p:val>
                                            <p:strVal val="#ppt_x"/>
                                          </p:val>
                                        </p:tav>
                                      </p:tavLst>
                                    </p:anim>
                                    <p:anim calcmode="lin" valueType="num">
                                      <p:cBhvr additive="base">
                                        <p:cTn id="8" dur="500" fill="hold"/>
                                        <p:tgtEl>
                                          <p:spTgt spid="9"/>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cSld name="Title Onl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5894CFA-355C-A909-88F2-A3C09BF684A6}"/>
              </a:ext>
            </a:extLst>
          </p:cNvPr>
          <p:cNvSpPr>
            <a:spLocks noGrp="1"/>
          </p:cNvSpPr>
          <p:nvPr>
            <p:ph type="title"/>
          </p:nvPr>
        </p:nvSpPr>
        <p:spPr/>
        <p:txBody>
          <a:bodyPr/>
          <a:lstStyle/>
          <a:p>
            <a:r>
              <a:rPr lang="en-US"/>
              <a:t>Click to edit Master title style</a:t>
            </a:r>
            <a:endParaRPr lang="en-IN"/>
          </a:p>
        </p:txBody>
      </p:sp>
      <p:sp>
        <p:nvSpPr>
          <p:cNvPr id="3" name="Date Placeholder 2">
            <a:extLst>
              <a:ext uri="{FF2B5EF4-FFF2-40B4-BE49-F238E27FC236}">
                <a16:creationId xmlns:a16="http://schemas.microsoft.com/office/drawing/2014/main" id="{8021AF8A-B808-14D8-209A-35AE3F10C64F}"/>
              </a:ext>
            </a:extLst>
          </p:cNvPr>
          <p:cNvSpPr>
            <a:spLocks noGrp="1"/>
          </p:cNvSpPr>
          <p:nvPr>
            <p:ph type="dt" sz="half" idx="10"/>
          </p:nvPr>
        </p:nvSpPr>
        <p:spPr>
          <a:xfrm>
            <a:off x="838200" y="6356350"/>
            <a:ext cx="2743200" cy="365125"/>
          </a:xfrm>
          <a:prstGeom prst="rect">
            <a:avLst/>
          </a:prstGeom>
        </p:spPr>
        <p:txBody>
          <a:bodyPr/>
          <a:lstStyle/>
          <a:p>
            <a:fld id="{AE9751EF-B738-4913-A4EB-4A75341F150B}" type="datetimeFigureOut">
              <a:rPr lang="en-IN" smtClean="0"/>
              <a:t>09-04-2024</a:t>
            </a:fld>
            <a:endParaRPr lang="en-IN"/>
          </a:p>
        </p:txBody>
      </p:sp>
      <p:sp>
        <p:nvSpPr>
          <p:cNvPr id="4" name="Footer Placeholder 3">
            <a:extLst>
              <a:ext uri="{FF2B5EF4-FFF2-40B4-BE49-F238E27FC236}">
                <a16:creationId xmlns:a16="http://schemas.microsoft.com/office/drawing/2014/main" id="{880660DE-87B0-27C0-2DE3-D89E38C93277}"/>
              </a:ext>
            </a:extLst>
          </p:cNvPr>
          <p:cNvSpPr>
            <a:spLocks noGrp="1"/>
          </p:cNvSpPr>
          <p:nvPr>
            <p:ph type="ftr" sz="quarter" idx="11"/>
          </p:nvPr>
        </p:nvSpPr>
        <p:spPr>
          <a:xfrm>
            <a:off x="4038600" y="6356350"/>
            <a:ext cx="4114800" cy="365125"/>
          </a:xfrm>
          <a:prstGeom prst="rect">
            <a:avLst/>
          </a:prstGeom>
        </p:spPr>
        <p:txBody>
          <a:bodyPr/>
          <a:lstStyle/>
          <a:p>
            <a:endParaRPr lang="en-IN"/>
          </a:p>
        </p:txBody>
      </p:sp>
    </p:spTree>
    <p:extLst>
      <p:ext uri="{BB962C8B-B14F-4D97-AF65-F5344CB8AC3E}">
        <p14:creationId xmlns:p14="http://schemas.microsoft.com/office/powerpoint/2010/main" val="3966582424"/>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image" Target="../media/image1.jpeg"/><Relationship Id="rId3" Type="http://schemas.openxmlformats.org/officeDocument/2006/relationships/slideLayout" Target="../slideLayouts/slideLayout3.xml"/><Relationship Id="rId7"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5" Type="http://schemas.openxmlformats.org/officeDocument/2006/relationships/slideLayout" Target="../slideLayouts/slideLayout5.xml"/><Relationship Id="rId10" Type="http://schemas.openxmlformats.org/officeDocument/2006/relationships/image" Target="../media/image3.svg"/><Relationship Id="rId4" Type="http://schemas.openxmlformats.org/officeDocument/2006/relationships/slideLayout" Target="../slideLayouts/slideLayout4.xml"/><Relationship Id="rId9" Type="http://schemas.openxmlformats.org/officeDocument/2006/relationships/image" Target="../media/image2.png"/></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pic>
        <p:nvPicPr>
          <p:cNvPr id="7" name="Picture 6">
            <a:extLst>
              <a:ext uri="{FF2B5EF4-FFF2-40B4-BE49-F238E27FC236}">
                <a16:creationId xmlns:a16="http://schemas.microsoft.com/office/drawing/2014/main" id="{13F3C4B2-9E3E-5F75-B318-A8F609A1F865}"/>
              </a:ext>
            </a:extLst>
          </p:cNvPr>
          <p:cNvPicPr>
            <a:picLocks noChangeAspect="1"/>
          </p:cNvPicPr>
          <p:nvPr userDrawn="1"/>
        </p:nvPicPr>
        <p:blipFill rotWithShape="1">
          <a:blip r:embed="rId8" cstate="screen">
            <a:alphaModFix amt="50000"/>
            <a:extLst>
              <a:ext uri="{28A0092B-C50C-407E-A947-70E740481C1C}">
                <a14:useLocalDpi xmlns:a14="http://schemas.microsoft.com/office/drawing/2010/main"/>
              </a:ext>
            </a:extLst>
          </a:blip>
          <a:srcRect t="-258"/>
          <a:stretch/>
        </p:blipFill>
        <p:spPr>
          <a:xfrm>
            <a:off x="-1" y="-10274"/>
            <a:ext cx="12192001" cy="6871382"/>
          </a:xfrm>
          <a:prstGeom prst="rect">
            <a:avLst/>
          </a:prstGeom>
        </p:spPr>
      </p:pic>
      <p:sp>
        <p:nvSpPr>
          <p:cNvPr id="2" name="Title Placeholder 1">
            <a:extLst>
              <a:ext uri="{FF2B5EF4-FFF2-40B4-BE49-F238E27FC236}">
                <a16:creationId xmlns:a16="http://schemas.microsoft.com/office/drawing/2014/main" id="{2866EAE9-F413-FF62-BF1A-8173614CC7A0}"/>
              </a:ext>
            </a:extLst>
          </p:cNvPr>
          <p:cNvSpPr>
            <a:spLocks noGrp="1"/>
          </p:cNvSpPr>
          <p:nvPr>
            <p:ph type="title"/>
          </p:nvPr>
        </p:nvSpPr>
        <p:spPr>
          <a:xfrm>
            <a:off x="533401" y="157024"/>
            <a:ext cx="10515600" cy="686003"/>
          </a:xfrm>
          <a:prstGeom prst="rect">
            <a:avLst/>
          </a:prstGeom>
        </p:spPr>
        <p:txBody>
          <a:bodyPr vert="horz" lIns="91440" tIns="45720" rIns="91440" bIns="45720" rtlCol="0" anchor="b">
            <a:normAutofit/>
          </a:bodyPr>
          <a:lstStyle/>
          <a:p>
            <a:r>
              <a:rPr lang="en-US"/>
              <a:t>Click to edit Master title style</a:t>
            </a:r>
            <a:endParaRPr lang="en-IN"/>
          </a:p>
        </p:txBody>
      </p:sp>
      <p:sp>
        <p:nvSpPr>
          <p:cNvPr id="3" name="Text Placeholder 2">
            <a:extLst>
              <a:ext uri="{FF2B5EF4-FFF2-40B4-BE49-F238E27FC236}">
                <a16:creationId xmlns:a16="http://schemas.microsoft.com/office/drawing/2014/main" id="{8AED9E34-5B81-4C65-00E1-1A047F0BB6CB}"/>
              </a:ext>
            </a:extLst>
          </p:cNvPr>
          <p:cNvSpPr>
            <a:spLocks noGrp="1"/>
          </p:cNvSpPr>
          <p:nvPr>
            <p:ph type="body" idx="1"/>
          </p:nvPr>
        </p:nvSpPr>
        <p:spPr>
          <a:xfrm>
            <a:off x="533401" y="1465583"/>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IN"/>
          </a:p>
        </p:txBody>
      </p:sp>
      <p:cxnSp>
        <p:nvCxnSpPr>
          <p:cNvPr id="8" name="Straight Connector 7">
            <a:extLst>
              <a:ext uri="{FF2B5EF4-FFF2-40B4-BE49-F238E27FC236}">
                <a16:creationId xmlns:a16="http://schemas.microsoft.com/office/drawing/2014/main" id="{4E16CD8B-87E3-B703-2F6B-9A8B5142F621}"/>
              </a:ext>
            </a:extLst>
          </p:cNvPr>
          <p:cNvCxnSpPr/>
          <p:nvPr userDrawn="1"/>
        </p:nvCxnSpPr>
        <p:spPr>
          <a:xfrm>
            <a:off x="625303" y="882907"/>
            <a:ext cx="640080" cy="0"/>
          </a:xfrm>
          <a:prstGeom prst="line">
            <a:avLst/>
          </a:prstGeom>
          <a:ln w="28575">
            <a:solidFill>
              <a:srgbClr val="0574B0"/>
            </a:solidFill>
          </a:ln>
        </p:spPr>
        <p:style>
          <a:lnRef idx="1">
            <a:schemeClr val="accent1"/>
          </a:lnRef>
          <a:fillRef idx="0">
            <a:schemeClr val="accent1"/>
          </a:fillRef>
          <a:effectRef idx="0">
            <a:schemeClr val="accent1"/>
          </a:effectRef>
          <a:fontRef idx="minor">
            <a:schemeClr val="tx1"/>
          </a:fontRef>
        </p:style>
      </p:cxnSp>
      <p:sp>
        <p:nvSpPr>
          <p:cNvPr id="9" name="Slide Number Placeholder 5">
            <a:extLst>
              <a:ext uri="{FF2B5EF4-FFF2-40B4-BE49-F238E27FC236}">
                <a16:creationId xmlns:a16="http://schemas.microsoft.com/office/drawing/2014/main" id="{DFF37D31-C0D7-B896-8D0E-68EAA31F2076}"/>
              </a:ext>
            </a:extLst>
          </p:cNvPr>
          <p:cNvSpPr txBox="1">
            <a:spLocks/>
          </p:cNvSpPr>
          <p:nvPr userDrawn="1"/>
        </p:nvSpPr>
        <p:spPr>
          <a:xfrm>
            <a:off x="9349506" y="6439476"/>
            <a:ext cx="2743200" cy="365125"/>
          </a:xfrm>
          <a:prstGeom prst="rect">
            <a:avLst/>
          </a:prstGeom>
        </p:spPr>
        <p:txBody>
          <a:bodyPr vert="horz" lIns="91440" tIns="45720" rIns="91440" bIns="45720" rtlCol="0" anchor="ctr"/>
          <a:lstStyle>
            <a:defPPr>
              <a:defRPr lang="en-US"/>
            </a:defPPr>
            <a:lvl1pPr marL="0" algn="r" defTabSz="914400" rtl="0" eaLnBrk="1" latinLnBrk="0" hangingPunct="1">
              <a:defRPr sz="1200" kern="1200">
                <a:solidFill>
                  <a:schemeClr val="tx1">
                    <a:tint val="75000"/>
                  </a:schemeClr>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77068464-4C8E-431E-87E4-567733A7CD2F}" type="slidenum">
              <a:rPr lang="en-IN" sz="1000" smtClean="0">
                <a:solidFill>
                  <a:srgbClr val="0574B0"/>
                </a:solidFill>
              </a:rPr>
              <a:pPr/>
              <a:t>‹#›</a:t>
            </a:fld>
            <a:endParaRPr lang="en-IN" sz="1000">
              <a:solidFill>
                <a:srgbClr val="0574B0"/>
              </a:solidFill>
            </a:endParaRPr>
          </a:p>
        </p:txBody>
      </p:sp>
      <p:pic>
        <p:nvPicPr>
          <p:cNvPr id="5" name="Graphic 4">
            <a:extLst>
              <a:ext uri="{FF2B5EF4-FFF2-40B4-BE49-F238E27FC236}">
                <a16:creationId xmlns:a16="http://schemas.microsoft.com/office/drawing/2014/main" id="{D116AF46-6F0A-6676-EFD7-3195201DB6A8}"/>
              </a:ext>
            </a:extLst>
          </p:cNvPr>
          <p:cNvPicPr>
            <a:picLocks noChangeAspect="1"/>
          </p:cNvPicPr>
          <p:nvPr userDrawn="1"/>
        </p:nvPicPr>
        <p:blipFill>
          <a:blip r:embed="rId9">
            <a:extLst>
              <a:ext uri="{96DAC541-7B7A-43D3-8B79-37D633B846F1}">
                <asvg:svgBlip xmlns:asvg="http://schemas.microsoft.com/office/drawing/2016/SVG/main" r:embed="rId10"/>
              </a:ext>
            </a:extLst>
          </a:blip>
          <a:stretch>
            <a:fillRect/>
          </a:stretch>
        </p:blipFill>
        <p:spPr>
          <a:xfrm>
            <a:off x="10845602" y="294821"/>
            <a:ext cx="1070016" cy="199686"/>
          </a:xfrm>
          <a:prstGeom prst="rect">
            <a:avLst/>
          </a:prstGeom>
        </p:spPr>
      </p:pic>
    </p:spTree>
    <p:extLst>
      <p:ext uri="{BB962C8B-B14F-4D97-AF65-F5344CB8AC3E}">
        <p14:creationId xmlns:p14="http://schemas.microsoft.com/office/powerpoint/2010/main" val="419980690"/>
      </p:ext>
    </p:extLst>
  </p:cSld>
  <p:clrMap bg1="lt1" tx1="dk1" bg2="lt2" tx2="dk2" accent1="accent1" accent2="accent2" accent3="accent3" accent4="accent4" accent5="accent5" accent6="accent6" hlink="hlink" folHlink="folHlink"/>
  <p:sldLayoutIdLst>
    <p:sldLayoutId id="2147483649" r:id="rId1"/>
    <p:sldLayoutId id="2147483650" r:id="rId2"/>
    <p:sldLayoutId id="2147483660" r:id="rId3"/>
    <p:sldLayoutId id="2147483663" r:id="rId4"/>
    <p:sldLayoutId id="2147483664" r:id="rId5"/>
    <p:sldLayoutId id="2147483665" r:id="rId6"/>
  </p:sldLayoutIdLs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nodeType="with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500" fill="hold"/>
                                        <p:tgtEl>
                                          <p:spTgt spid="8"/>
                                        </p:tgtEl>
                                        <p:attrNameLst>
                                          <p:attrName>ppt_x</p:attrName>
                                        </p:attrNameLst>
                                      </p:cBhvr>
                                      <p:tavLst>
                                        <p:tav tm="0">
                                          <p:val>
                                            <p:strVal val="0-#ppt_w/2"/>
                                          </p:val>
                                        </p:tav>
                                        <p:tav tm="100000">
                                          <p:val>
                                            <p:strVal val="#ppt_x"/>
                                          </p:val>
                                        </p:tav>
                                      </p:tavLst>
                                    </p:anim>
                                    <p:anim calcmode="lin" valueType="num">
                                      <p:cBhvr additive="base">
                                        <p:cTn id="8" dur="500" fill="hold"/>
                                        <p:tgtEl>
                                          <p:spTgt spid="8"/>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txStyles>
    <p:titleStyle>
      <a:lvl1pPr algn="l" defTabSz="914400" rtl="0" eaLnBrk="1" latinLnBrk="0" hangingPunct="1">
        <a:lnSpc>
          <a:spcPct val="90000"/>
        </a:lnSpc>
        <a:spcBef>
          <a:spcPct val="0"/>
        </a:spcBef>
        <a:buNone/>
        <a:defRPr sz="2200" b="1" kern="1200">
          <a:solidFill>
            <a:schemeClr val="tx1"/>
          </a:solidFill>
          <a:latin typeface="+mn-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0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6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4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8" Type="http://schemas.openxmlformats.org/officeDocument/2006/relationships/image" Target="../media/image16.png"/><Relationship Id="rId13" Type="http://schemas.openxmlformats.org/officeDocument/2006/relationships/image" Target="../media/image21.svg"/><Relationship Id="rId18" Type="http://schemas.openxmlformats.org/officeDocument/2006/relationships/image" Target="../media/image26.png"/><Relationship Id="rId3" Type="http://schemas.openxmlformats.org/officeDocument/2006/relationships/image" Target="../media/image11.jpeg"/><Relationship Id="rId21" Type="http://schemas.openxmlformats.org/officeDocument/2006/relationships/image" Target="../media/image29.svg"/><Relationship Id="rId7" Type="http://schemas.openxmlformats.org/officeDocument/2006/relationships/image" Target="../media/image15.svg"/><Relationship Id="rId12" Type="http://schemas.openxmlformats.org/officeDocument/2006/relationships/image" Target="../media/image20.png"/><Relationship Id="rId17" Type="http://schemas.openxmlformats.org/officeDocument/2006/relationships/image" Target="../media/image25.svg"/><Relationship Id="rId2" Type="http://schemas.openxmlformats.org/officeDocument/2006/relationships/image" Target="../media/image10.png"/><Relationship Id="rId16" Type="http://schemas.openxmlformats.org/officeDocument/2006/relationships/image" Target="../media/image24.png"/><Relationship Id="rId20" Type="http://schemas.openxmlformats.org/officeDocument/2006/relationships/image" Target="../media/image28.png"/><Relationship Id="rId1" Type="http://schemas.openxmlformats.org/officeDocument/2006/relationships/slideLayout" Target="../slideLayouts/slideLayout2.xml"/><Relationship Id="rId6" Type="http://schemas.openxmlformats.org/officeDocument/2006/relationships/image" Target="../media/image14.png"/><Relationship Id="rId11" Type="http://schemas.openxmlformats.org/officeDocument/2006/relationships/image" Target="../media/image19.svg"/><Relationship Id="rId24" Type="http://schemas.openxmlformats.org/officeDocument/2006/relationships/image" Target="../media/image31.svg"/><Relationship Id="rId5" Type="http://schemas.openxmlformats.org/officeDocument/2006/relationships/image" Target="../media/image13.svg"/><Relationship Id="rId15" Type="http://schemas.openxmlformats.org/officeDocument/2006/relationships/image" Target="../media/image23.svg"/><Relationship Id="rId23" Type="http://schemas.openxmlformats.org/officeDocument/2006/relationships/image" Target="../media/image30.png"/><Relationship Id="rId10" Type="http://schemas.openxmlformats.org/officeDocument/2006/relationships/image" Target="../media/image18.png"/><Relationship Id="rId19" Type="http://schemas.openxmlformats.org/officeDocument/2006/relationships/image" Target="../media/image27.svg"/><Relationship Id="rId4" Type="http://schemas.openxmlformats.org/officeDocument/2006/relationships/image" Target="../media/image12.png"/><Relationship Id="rId9" Type="http://schemas.openxmlformats.org/officeDocument/2006/relationships/image" Target="../media/image17.svg"/><Relationship Id="rId14" Type="http://schemas.openxmlformats.org/officeDocument/2006/relationships/image" Target="../media/image22.png"/><Relationship Id="rId22" Type="http://schemas.openxmlformats.org/officeDocument/2006/relationships/hyperlink" Target="mailto:Daren.Harber@aptaracorp.com" TargetMode="External"/></Relationships>
</file>

<file path=ppt/slides/_rels/slide10.xml.rels><?xml version="1.0" encoding="UTF-8" standalone="yes"?>
<Relationships xmlns="http://schemas.openxmlformats.org/package/2006/relationships"><Relationship Id="rId3" Type="http://schemas.openxmlformats.org/officeDocument/2006/relationships/image" Target="../media/image223.png"/><Relationship Id="rId7" Type="http://schemas.openxmlformats.org/officeDocument/2006/relationships/image" Target="../media/image29.svg"/><Relationship Id="rId2" Type="http://schemas.openxmlformats.org/officeDocument/2006/relationships/hyperlink" Target="https://salesportal.aptaracorp.com/Sales_Rampage/index.html" TargetMode="External"/><Relationship Id="rId1" Type="http://schemas.openxmlformats.org/officeDocument/2006/relationships/slideLayout" Target="../slideLayouts/slideLayout2.xml"/><Relationship Id="rId6" Type="http://schemas.openxmlformats.org/officeDocument/2006/relationships/image" Target="../media/image28.png"/><Relationship Id="rId5" Type="http://schemas.openxmlformats.org/officeDocument/2006/relationships/image" Target="../media/image226.png"/><Relationship Id="rId4" Type="http://schemas.openxmlformats.org/officeDocument/2006/relationships/image" Target="../media/image225.png"/></Relationships>
</file>

<file path=ppt/slides/_rels/slide11.xml.rels><?xml version="1.0" encoding="UTF-8" standalone="yes"?>
<Relationships xmlns="http://schemas.openxmlformats.org/package/2006/relationships"><Relationship Id="rId2" Type="http://schemas.openxmlformats.org/officeDocument/2006/relationships/image" Target="../media/image227.png"/><Relationship Id="rId1" Type="http://schemas.openxmlformats.org/officeDocument/2006/relationships/slideLayout" Target="../slideLayouts/slideLayout4.xml"/></Relationships>
</file>

<file path=ppt/slides/_rels/slide12.xml.rels><?xml version="1.0" encoding="UTF-8" standalone="yes"?>
<Relationships xmlns="http://schemas.openxmlformats.org/package/2006/relationships"><Relationship Id="rId2" Type="http://schemas.openxmlformats.org/officeDocument/2006/relationships/image" Target="../media/image228.png"/><Relationship Id="rId1" Type="http://schemas.openxmlformats.org/officeDocument/2006/relationships/slideLayout" Target="../slideLayouts/slideLayout4.xml"/></Relationships>
</file>

<file path=ppt/slides/_rels/slide13.xml.rels><?xml version="1.0" encoding="UTF-8" standalone="yes"?>
<Relationships xmlns="http://schemas.openxmlformats.org/package/2006/relationships"><Relationship Id="rId2" Type="http://schemas.openxmlformats.org/officeDocument/2006/relationships/image" Target="../media/image229.png"/><Relationship Id="rId1" Type="http://schemas.openxmlformats.org/officeDocument/2006/relationships/slideLayout" Target="../slideLayouts/slideLayout4.xml"/></Relationships>
</file>

<file path=ppt/slides/_rels/slide14.xml.rels><?xml version="1.0" encoding="UTF-8" standalone="yes"?>
<Relationships xmlns="http://schemas.openxmlformats.org/package/2006/relationships"><Relationship Id="rId2" Type="http://schemas.openxmlformats.org/officeDocument/2006/relationships/image" Target="../media/image230.png"/><Relationship Id="rId1" Type="http://schemas.openxmlformats.org/officeDocument/2006/relationships/slideLayout" Target="../slideLayouts/slideLayout4.xml"/></Relationships>
</file>

<file path=ppt/slides/_rels/slide15.xml.rels><?xml version="1.0" encoding="UTF-8" standalone="yes"?>
<Relationships xmlns="http://schemas.openxmlformats.org/package/2006/relationships"><Relationship Id="rId3" Type="http://schemas.openxmlformats.org/officeDocument/2006/relationships/image" Target="../media/image223.png"/><Relationship Id="rId7" Type="http://schemas.openxmlformats.org/officeDocument/2006/relationships/image" Target="../media/image29.svg"/><Relationship Id="rId2" Type="http://schemas.openxmlformats.org/officeDocument/2006/relationships/hyperlink" Target="https://elearning.aptaracorp.com/sampleCourses/lumify/index.html" TargetMode="External"/><Relationship Id="rId1" Type="http://schemas.openxmlformats.org/officeDocument/2006/relationships/slideLayout" Target="../slideLayouts/slideLayout2.xml"/><Relationship Id="rId6" Type="http://schemas.openxmlformats.org/officeDocument/2006/relationships/image" Target="../media/image28.png"/><Relationship Id="rId5" Type="http://schemas.openxmlformats.org/officeDocument/2006/relationships/image" Target="../media/image231.png"/><Relationship Id="rId4" Type="http://schemas.openxmlformats.org/officeDocument/2006/relationships/image" Target="../media/image225.png"/></Relationships>
</file>

<file path=ppt/slides/_rels/slide16.xml.rels><?xml version="1.0" encoding="UTF-8" standalone="yes"?>
<Relationships xmlns="http://schemas.openxmlformats.org/package/2006/relationships"><Relationship Id="rId2" Type="http://schemas.openxmlformats.org/officeDocument/2006/relationships/image" Target="../media/image232.png"/><Relationship Id="rId1" Type="http://schemas.openxmlformats.org/officeDocument/2006/relationships/slideLayout" Target="../slideLayouts/slideLayout4.xml"/></Relationships>
</file>

<file path=ppt/slides/_rels/slide17.xml.rels><?xml version="1.0" encoding="UTF-8" standalone="yes"?>
<Relationships xmlns="http://schemas.openxmlformats.org/package/2006/relationships"><Relationship Id="rId2" Type="http://schemas.openxmlformats.org/officeDocument/2006/relationships/image" Target="../media/image233.png"/><Relationship Id="rId1" Type="http://schemas.openxmlformats.org/officeDocument/2006/relationships/slideLayout" Target="../slideLayouts/slideLayout4.xml"/></Relationships>
</file>

<file path=ppt/slides/_rels/slide18.xml.rels><?xml version="1.0" encoding="UTF-8" standalone="yes"?>
<Relationships xmlns="http://schemas.openxmlformats.org/package/2006/relationships"><Relationship Id="rId2" Type="http://schemas.openxmlformats.org/officeDocument/2006/relationships/image" Target="../media/image234.png"/><Relationship Id="rId1" Type="http://schemas.openxmlformats.org/officeDocument/2006/relationships/slideLayout" Target="../slideLayouts/slideLayout4.xml"/></Relationships>
</file>

<file path=ppt/slides/_rels/slide19.xml.rels><?xml version="1.0" encoding="UTF-8" standalone="yes"?>
<Relationships xmlns="http://schemas.openxmlformats.org/package/2006/relationships"><Relationship Id="rId2" Type="http://schemas.openxmlformats.org/officeDocument/2006/relationships/image" Target="../media/image235.png"/><Relationship Id="rId1" Type="http://schemas.openxmlformats.org/officeDocument/2006/relationships/slideLayout" Target="../slideLayouts/slideLayout4.xml"/></Relationships>
</file>

<file path=ppt/slides/_rels/slide2.xml.rels><?xml version="1.0" encoding="UTF-8" standalone="yes"?>
<Relationships xmlns="http://schemas.openxmlformats.org/package/2006/relationships"><Relationship Id="rId8" Type="http://schemas.openxmlformats.org/officeDocument/2006/relationships/image" Target="../media/image38.png"/><Relationship Id="rId13" Type="http://schemas.openxmlformats.org/officeDocument/2006/relationships/image" Target="../media/image43.svg"/><Relationship Id="rId18" Type="http://schemas.openxmlformats.org/officeDocument/2006/relationships/image" Target="../media/image48.png"/><Relationship Id="rId26" Type="http://schemas.openxmlformats.org/officeDocument/2006/relationships/image" Target="../media/image56.png"/><Relationship Id="rId3" Type="http://schemas.openxmlformats.org/officeDocument/2006/relationships/image" Target="../media/image33.svg"/><Relationship Id="rId21" Type="http://schemas.openxmlformats.org/officeDocument/2006/relationships/image" Target="../media/image51.svg"/><Relationship Id="rId7" Type="http://schemas.openxmlformats.org/officeDocument/2006/relationships/image" Target="../media/image37.svg"/><Relationship Id="rId12" Type="http://schemas.openxmlformats.org/officeDocument/2006/relationships/image" Target="../media/image42.png"/><Relationship Id="rId17" Type="http://schemas.openxmlformats.org/officeDocument/2006/relationships/image" Target="../media/image47.svg"/><Relationship Id="rId25" Type="http://schemas.openxmlformats.org/officeDocument/2006/relationships/image" Target="../media/image55.jpeg"/><Relationship Id="rId2" Type="http://schemas.openxmlformats.org/officeDocument/2006/relationships/image" Target="../media/image32.png"/><Relationship Id="rId16" Type="http://schemas.openxmlformats.org/officeDocument/2006/relationships/image" Target="../media/image46.png"/><Relationship Id="rId20" Type="http://schemas.openxmlformats.org/officeDocument/2006/relationships/image" Target="../media/image50.png"/><Relationship Id="rId29" Type="http://schemas.openxmlformats.org/officeDocument/2006/relationships/image" Target="../media/image59.jpeg"/><Relationship Id="rId1" Type="http://schemas.openxmlformats.org/officeDocument/2006/relationships/slideLayout" Target="../slideLayouts/slideLayout2.xml"/><Relationship Id="rId6" Type="http://schemas.openxmlformats.org/officeDocument/2006/relationships/image" Target="../media/image36.png"/><Relationship Id="rId11" Type="http://schemas.openxmlformats.org/officeDocument/2006/relationships/image" Target="../media/image41.svg"/><Relationship Id="rId24" Type="http://schemas.openxmlformats.org/officeDocument/2006/relationships/image" Target="../media/image54.jpeg"/><Relationship Id="rId5" Type="http://schemas.openxmlformats.org/officeDocument/2006/relationships/image" Target="../media/image35.svg"/><Relationship Id="rId15" Type="http://schemas.openxmlformats.org/officeDocument/2006/relationships/image" Target="../media/image45.svg"/><Relationship Id="rId23" Type="http://schemas.openxmlformats.org/officeDocument/2006/relationships/image" Target="../media/image53.jpeg"/><Relationship Id="rId28" Type="http://schemas.openxmlformats.org/officeDocument/2006/relationships/image" Target="../media/image58.png"/><Relationship Id="rId10" Type="http://schemas.openxmlformats.org/officeDocument/2006/relationships/image" Target="../media/image40.png"/><Relationship Id="rId19" Type="http://schemas.openxmlformats.org/officeDocument/2006/relationships/image" Target="../media/image49.svg"/><Relationship Id="rId4" Type="http://schemas.openxmlformats.org/officeDocument/2006/relationships/image" Target="../media/image34.png"/><Relationship Id="rId9" Type="http://schemas.openxmlformats.org/officeDocument/2006/relationships/image" Target="../media/image39.svg"/><Relationship Id="rId14" Type="http://schemas.openxmlformats.org/officeDocument/2006/relationships/image" Target="../media/image44.png"/><Relationship Id="rId22" Type="http://schemas.openxmlformats.org/officeDocument/2006/relationships/image" Target="../media/image52.png"/><Relationship Id="rId27" Type="http://schemas.openxmlformats.org/officeDocument/2006/relationships/image" Target="../media/image57.png"/></Relationships>
</file>

<file path=ppt/slides/_rels/slide20.xml.rels><?xml version="1.0" encoding="UTF-8" standalone="yes"?>
<Relationships xmlns="http://schemas.openxmlformats.org/package/2006/relationships"><Relationship Id="rId8" Type="http://schemas.openxmlformats.org/officeDocument/2006/relationships/image" Target="../media/image237.png"/><Relationship Id="rId3" Type="http://schemas.openxmlformats.org/officeDocument/2006/relationships/image" Target="../media/image223.png"/><Relationship Id="rId7" Type="http://schemas.openxmlformats.org/officeDocument/2006/relationships/image" Target="../media/image29.svg"/><Relationship Id="rId2" Type="http://schemas.openxmlformats.org/officeDocument/2006/relationships/hyperlink" Target="https://aptaracorp.wistia.com/medias/wqmse3fqx2" TargetMode="External"/><Relationship Id="rId1" Type="http://schemas.openxmlformats.org/officeDocument/2006/relationships/slideLayout" Target="../slideLayouts/slideLayout2.xml"/><Relationship Id="rId6" Type="http://schemas.openxmlformats.org/officeDocument/2006/relationships/image" Target="../media/image28.png"/><Relationship Id="rId5" Type="http://schemas.openxmlformats.org/officeDocument/2006/relationships/image" Target="../media/image236.png"/><Relationship Id="rId4" Type="http://schemas.openxmlformats.org/officeDocument/2006/relationships/image" Target="../media/image225.png"/></Relationships>
</file>

<file path=ppt/slides/_rels/slide21.xml.rels><?xml version="1.0" encoding="UTF-8" standalone="yes"?>
<Relationships xmlns="http://schemas.openxmlformats.org/package/2006/relationships"><Relationship Id="rId2" Type="http://schemas.openxmlformats.org/officeDocument/2006/relationships/image" Target="../media/image238.jpg"/><Relationship Id="rId1" Type="http://schemas.openxmlformats.org/officeDocument/2006/relationships/slideLayout" Target="../slideLayouts/slideLayout4.xml"/></Relationships>
</file>

<file path=ppt/slides/_rels/slide22.xml.rels><?xml version="1.0" encoding="UTF-8" standalone="yes"?>
<Relationships xmlns="http://schemas.openxmlformats.org/package/2006/relationships"><Relationship Id="rId2" Type="http://schemas.openxmlformats.org/officeDocument/2006/relationships/image" Target="../media/image239.jpg"/><Relationship Id="rId1" Type="http://schemas.openxmlformats.org/officeDocument/2006/relationships/slideLayout" Target="../slideLayouts/slideLayout4.xml"/></Relationships>
</file>

<file path=ppt/slides/_rels/slide23.xml.rels><?xml version="1.0" encoding="UTF-8" standalone="yes"?>
<Relationships xmlns="http://schemas.openxmlformats.org/package/2006/relationships"><Relationship Id="rId2" Type="http://schemas.openxmlformats.org/officeDocument/2006/relationships/image" Target="../media/image240.jpg"/><Relationship Id="rId1" Type="http://schemas.openxmlformats.org/officeDocument/2006/relationships/slideLayout" Target="../slideLayouts/slideLayout4.xml"/></Relationships>
</file>

<file path=ppt/slides/_rels/slide24.xml.rels><?xml version="1.0" encoding="UTF-8" standalone="yes"?>
<Relationships xmlns="http://schemas.openxmlformats.org/package/2006/relationships"><Relationship Id="rId2" Type="http://schemas.openxmlformats.org/officeDocument/2006/relationships/image" Target="../media/image241.jpg"/><Relationship Id="rId1" Type="http://schemas.openxmlformats.org/officeDocument/2006/relationships/slideLayout" Target="../slideLayouts/slideLayout4.xml"/></Relationships>
</file>

<file path=ppt/slides/_rels/slide25.xml.rels><?xml version="1.0" encoding="UTF-8" standalone="yes"?>
<Relationships xmlns="http://schemas.openxmlformats.org/package/2006/relationships"><Relationship Id="rId3" Type="http://schemas.openxmlformats.org/officeDocument/2006/relationships/image" Target="../media/image225.png"/><Relationship Id="rId7" Type="http://schemas.openxmlformats.org/officeDocument/2006/relationships/image" Target="../media/image29.svg"/><Relationship Id="rId2" Type="http://schemas.openxmlformats.org/officeDocument/2006/relationships/image" Target="../media/image223.png"/><Relationship Id="rId1" Type="http://schemas.openxmlformats.org/officeDocument/2006/relationships/slideLayout" Target="../slideLayouts/slideLayout2.xml"/><Relationship Id="rId6" Type="http://schemas.openxmlformats.org/officeDocument/2006/relationships/image" Target="../media/image28.png"/><Relationship Id="rId5" Type="http://schemas.openxmlformats.org/officeDocument/2006/relationships/image" Target="../media/image242.jpeg"/><Relationship Id="rId4" Type="http://schemas.openxmlformats.org/officeDocument/2006/relationships/hyperlink" Target="https://aptaracorp.wistia.com/medias/83l41im2r8" TargetMode="External"/></Relationships>
</file>

<file path=ppt/slides/_rels/slide26.xml.rels><?xml version="1.0" encoding="UTF-8" standalone="yes"?>
<Relationships xmlns="http://schemas.openxmlformats.org/package/2006/relationships"><Relationship Id="rId2" Type="http://schemas.openxmlformats.org/officeDocument/2006/relationships/image" Target="../media/image243.jpeg"/><Relationship Id="rId1" Type="http://schemas.openxmlformats.org/officeDocument/2006/relationships/slideLayout" Target="../slideLayouts/slideLayout4.xml"/></Relationships>
</file>

<file path=ppt/slides/_rels/slide27.xml.rels><?xml version="1.0" encoding="UTF-8" standalone="yes"?>
<Relationships xmlns="http://schemas.openxmlformats.org/package/2006/relationships"><Relationship Id="rId2" Type="http://schemas.openxmlformats.org/officeDocument/2006/relationships/image" Target="../media/image244.jpeg"/><Relationship Id="rId1" Type="http://schemas.openxmlformats.org/officeDocument/2006/relationships/slideLayout" Target="../slideLayouts/slideLayout4.xml"/></Relationships>
</file>

<file path=ppt/slides/_rels/slide28.xml.rels><?xml version="1.0" encoding="UTF-8" standalone="yes"?>
<Relationships xmlns="http://schemas.openxmlformats.org/package/2006/relationships"><Relationship Id="rId2" Type="http://schemas.openxmlformats.org/officeDocument/2006/relationships/image" Target="../media/image245.jpeg"/><Relationship Id="rId1" Type="http://schemas.openxmlformats.org/officeDocument/2006/relationships/slideLayout" Target="../slideLayouts/slideLayout4.xml"/></Relationships>
</file>

<file path=ppt/slides/_rels/slide29.xml.rels><?xml version="1.0" encoding="UTF-8" standalone="yes"?>
<Relationships xmlns="http://schemas.openxmlformats.org/package/2006/relationships"><Relationship Id="rId2" Type="http://schemas.openxmlformats.org/officeDocument/2006/relationships/image" Target="../media/image246.jpeg"/><Relationship Id="rId1" Type="http://schemas.openxmlformats.org/officeDocument/2006/relationships/slideLayout" Target="../slideLayouts/slideLayout4.xml"/></Relationships>
</file>

<file path=ppt/slides/_rels/slide3.xml.rels><?xml version="1.0" encoding="UTF-8" standalone="yes"?>
<Relationships xmlns="http://schemas.openxmlformats.org/package/2006/relationships"><Relationship Id="rId13" Type="http://schemas.openxmlformats.org/officeDocument/2006/relationships/image" Target="../media/image71.png"/><Relationship Id="rId18" Type="http://schemas.openxmlformats.org/officeDocument/2006/relationships/image" Target="../media/image76.png"/><Relationship Id="rId26" Type="http://schemas.openxmlformats.org/officeDocument/2006/relationships/image" Target="../media/image84.png"/><Relationship Id="rId39" Type="http://schemas.openxmlformats.org/officeDocument/2006/relationships/image" Target="../media/image97.png"/><Relationship Id="rId21" Type="http://schemas.openxmlformats.org/officeDocument/2006/relationships/image" Target="../media/image79.png"/><Relationship Id="rId34" Type="http://schemas.openxmlformats.org/officeDocument/2006/relationships/image" Target="../media/image92.jpeg"/><Relationship Id="rId42" Type="http://schemas.openxmlformats.org/officeDocument/2006/relationships/image" Target="../media/image100.jpeg"/><Relationship Id="rId47" Type="http://schemas.openxmlformats.org/officeDocument/2006/relationships/image" Target="../media/image105.png"/><Relationship Id="rId50" Type="http://schemas.openxmlformats.org/officeDocument/2006/relationships/image" Target="../media/image108.png"/><Relationship Id="rId55" Type="http://schemas.openxmlformats.org/officeDocument/2006/relationships/image" Target="../media/image113.jpeg"/><Relationship Id="rId7" Type="http://schemas.openxmlformats.org/officeDocument/2006/relationships/image" Target="../media/image65.png"/><Relationship Id="rId2" Type="http://schemas.openxmlformats.org/officeDocument/2006/relationships/image" Target="../media/image60.png"/><Relationship Id="rId16" Type="http://schemas.openxmlformats.org/officeDocument/2006/relationships/image" Target="../media/image74.jpeg"/><Relationship Id="rId29" Type="http://schemas.openxmlformats.org/officeDocument/2006/relationships/image" Target="../media/image87.png"/><Relationship Id="rId11" Type="http://schemas.openxmlformats.org/officeDocument/2006/relationships/image" Target="../media/image69.png"/><Relationship Id="rId24" Type="http://schemas.openxmlformats.org/officeDocument/2006/relationships/image" Target="../media/image82.png"/><Relationship Id="rId32" Type="http://schemas.openxmlformats.org/officeDocument/2006/relationships/image" Target="../media/image90.png"/><Relationship Id="rId37" Type="http://schemas.openxmlformats.org/officeDocument/2006/relationships/image" Target="../media/image95.jpeg"/><Relationship Id="rId40" Type="http://schemas.openxmlformats.org/officeDocument/2006/relationships/image" Target="../media/image98.png"/><Relationship Id="rId45" Type="http://schemas.openxmlformats.org/officeDocument/2006/relationships/image" Target="../media/image103.png"/><Relationship Id="rId53" Type="http://schemas.openxmlformats.org/officeDocument/2006/relationships/image" Target="../media/image111.png"/><Relationship Id="rId5" Type="http://schemas.openxmlformats.org/officeDocument/2006/relationships/image" Target="../media/image63.jpeg"/><Relationship Id="rId10" Type="http://schemas.openxmlformats.org/officeDocument/2006/relationships/image" Target="../media/image68.png"/><Relationship Id="rId19" Type="http://schemas.openxmlformats.org/officeDocument/2006/relationships/image" Target="../media/image77.png"/><Relationship Id="rId31" Type="http://schemas.openxmlformats.org/officeDocument/2006/relationships/image" Target="../media/image89.png"/><Relationship Id="rId44" Type="http://schemas.openxmlformats.org/officeDocument/2006/relationships/image" Target="../media/image102.png"/><Relationship Id="rId52" Type="http://schemas.openxmlformats.org/officeDocument/2006/relationships/image" Target="../media/image110.png"/><Relationship Id="rId4" Type="http://schemas.openxmlformats.org/officeDocument/2006/relationships/image" Target="../media/image62.png"/><Relationship Id="rId9" Type="http://schemas.openxmlformats.org/officeDocument/2006/relationships/image" Target="../media/image67.png"/><Relationship Id="rId14" Type="http://schemas.openxmlformats.org/officeDocument/2006/relationships/image" Target="../media/image72.png"/><Relationship Id="rId22" Type="http://schemas.openxmlformats.org/officeDocument/2006/relationships/image" Target="../media/image80.jpeg"/><Relationship Id="rId27" Type="http://schemas.openxmlformats.org/officeDocument/2006/relationships/image" Target="../media/image85.jpeg"/><Relationship Id="rId30" Type="http://schemas.openxmlformats.org/officeDocument/2006/relationships/image" Target="../media/image88.png"/><Relationship Id="rId35" Type="http://schemas.openxmlformats.org/officeDocument/2006/relationships/image" Target="../media/image93.png"/><Relationship Id="rId43" Type="http://schemas.openxmlformats.org/officeDocument/2006/relationships/image" Target="../media/image101.gif"/><Relationship Id="rId48" Type="http://schemas.openxmlformats.org/officeDocument/2006/relationships/image" Target="../media/image106.png"/><Relationship Id="rId8" Type="http://schemas.openxmlformats.org/officeDocument/2006/relationships/image" Target="../media/image66.png"/><Relationship Id="rId51" Type="http://schemas.openxmlformats.org/officeDocument/2006/relationships/image" Target="../media/image109.jpeg"/><Relationship Id="rId3" Type="http://schemas.openxmlformats.org/officeDocument/2006/relationships/image" Target="../media/image61.png"/><Relationship Id="rId12" Type="http://schemas.openxmlformats.org/officeDocument/2006/relationships/image" Target="../media/image70.png"/><Relationship Id="rId17" Type="http://schemas.openxmlformats.org/officeDocument/2006/relationships/image" Target="../media/image75.png"/><Relationship Id="rId25" Type="http://schemas.openxmlformats.org/officeDocument/2006/relationships/image" Target="../media/image83.jpeg"/><Relationship Id="rId33" Type="http://schemas.openxmlformats.org/officeDocument/2006/relationships/image" Target="../media/image91.jpeg"/><Relationship Id="rId38" Type="http://schemas.openxmlformats.org/officeDocument/2006/relationships/image" Target="../media/image96.png"/><Relationship Id="rId46" Type="http://schemas.openxmlformats.org/officeDocument/2006/relationships/image" Target="../media/image104.png"/><Relationship Id="rId20" Type="http://schemas.openxmlformats.org/officeDocument/2006/relationships/image" Target="../media/image78.png"/><Relationship Id="rId41" Type="http://schemas.openxmlformats.org/officeDocument/2006/relationships/image" Target="../media/image99.jpeg"/><Relationship Id="rId54" Type="http://schemas.openxmlformats.org/officeDocument/2006/relationships/image" Target="../media/image112.png"/><Relationship Id="rId1" Type="http://schemas.openxmlformats.org/officeDocument/2006/relationships/slideLayout" Target="../slideLayouts/slideLayout2.xml"/><Relationship Id="rId6" Type="http://schemas.openxmlformats.org/officeDocument/2006/relationships/image" Target="../media/image64.png"/><Relationship Id="rId15" Type="http://schemas.openxmlformats.org/officeDocument/2006/relationships/image" Target="../media/image73.gif"/><Relationship Id="rId23" Type="http://schemas.openxmlformats.org/officeDocument/2006/relationships/image" Target="../media/image81.png"/><Relationship Id="rId28" Type="http://schemas.openxmlformats.org/officeDocument/2006/relationships/image" Target="../media/image86.png"/><Relationship Id="rId36" Type="http://schemas.openxmlformats.org/officeDocument/2006/relationships/image" Target="../media/image94.jpeg"/><Relationship Id="rId49" Type="http://schemas.openxmlformats.org/officeDocument/2006/relationships/image" Target="../media/image107.png"/></Relationships>
</file>

<file path=ppt/slides/_rels/slide30.xml.rels><?xml version="1.0" encoding="UTF-8" standalone="yes"?>
<Relationships xmlns="http://schemas.openxmlformats.org/package/2006/relationships"><Relationship Id="rId3" Type="http://schemas.openxmlformats.org/officeDocument/2006/relationships/image" Target="../media/image225.png"/><Relationship Id="rId7" Type="http://schemas.openxmlformats.org/officeDocument/2006/relationships/image" Target="../media/image29.svg"/><Relationship Id="rId2" Type="http://schemas.openxmlformats.org/officeDocument/2006/relationships/image" Target="../media/image223.png"/><Relationship Id="rId1" Type="http://schemas.openxmlformats.org/officeDocument/2006/relationships/slideLayout" Target="../slideLayouts/slideLayout2.xml"/><Relationship Id="rId6" Type="http://schemas.openxmlformats.org/officeDocument/2006/relationships/image" Target="../media/image28.png"/><Relationship Id="rId5" Type="http://schemas.openxmlformats.org/officeDocument/2006/relationships/hyperlink" Target="https://salesportal.aptaracorp.com/BasketBall/Game/launcher.html" TargetMode="External"/><Relationship Id="rId4" Type="http://schemas.openxmlformats.org/officeDocument/2006/relationships/image" Target="../media/image247.jpeg"/></Relationships>
</file>

<file path=ppt/slides/_rels/slide31.xml.rels><?xml version="1.0" encoding="UTF-8" standalone="yes"?>
<Relationships xmlns="http://schemas.openxmlformats.org/package/2006/relationships"><Relationship Id="rId2" Type="http://schemas.openxmlformats.org/officeDocument/2006/relationships/image" Target="../media/image248.jpeg"/><Relationship Id="rId1" Type="http://schemas.openxmlformats.org/officeDocument/2006/relationships/slideLayout" Target="../slideLayouts/slideLayout4.xml"/></Relationships>
</file>

<file path=ppt/slides/_rels/slide32.xml.rels><?xml version="1.0" encoding="UTF-8" standalone="yes"?>
<Relationships xmlns="http://schemas.openxmlformats.org/package/2006/relationships"><Relationship Id="rId2" Type="http://schemas.openxmlformats.org/officeDocument/2006/relationships/image" Target="../media/image249.jpeg"/><Relationship Id="rId1" Type="http://schemas.openxmlformats.org/officeDocument/2006/relationships/slideLayout" Target="../slideLayouts/slideLayout4.xml"/></Relationships>
</file>

<file path=ppt/slides/_rels/slide33.xml.rels><?xml version="1.0" encoding="UTF-8" standalone="yes"?>
<Relationships xmlns="http://schemas.openxmlformats.org/package/2006/relationships"><Relationship Id="rId2" Type="http://schemas.openxmlformats.org/officeDocument/2006/relationships/image" Target="../media/image250.jpeg"/><Relationship Id="rId1" Type="http://schemas.openxmlformats.org/officeDocument/2006/relationships/slideLayout" Target="../slideLayouts/slideLayout4.xml"/></Relationships>
</file>

<file path=ppt/slides/_rels/slide34.xml.rels><?xml version="1.0" encoding="UTF-8" standalone="yes"?>
<Relationships xmlns="http://schemas.openxmlformats.org/package/2006/relationships"><Relationship Id="rId2" Type="http://schemas.openxmlformats.org/officeDocument/2006/relationships/image" Target="../media/image251.jpeg"/><Relationship Id="rId1" Type="http://schemas.openxmlformats.org/officeDocument/2006/relationships/slideLayout" Target="../slideLayouts/slideLayout4.xml"/></Relationships>
</file>

<file path=ppt/slides/_rels/slide35.xml.rels><?xml version="1.0" encoding="UTF-8" standalone="yes"?>
<Relationships xmlns="http://schemas.openxmlformats.org/package/2006/relationships"><Relationship Id="rId8" Type="http://schemas.openxmlformats.org/officeDocument/2006/relationships/image" Target="../media/image254.jpeg"/><Relationship Id="rId3" Type="http://schemas.openxmlformats.org/officeDocument/2006/relationships/hyperlink" Target="https://360.articulate.com/review/content/ff37d83b-4877-4bd7-ba7c-5e5b6bbcbb2f/review" TargetMode="External"/><Relationship Id="rId7" Type="http://schemas.openxmlformats.org/officeDocument/2006/relationships/image" Target="../media/image253.jpeg"/><Relationship Id="rId2" Type="http://schemas.openxmlformats.org/officeDocument/2006/relationships/notesSlide" Target="../notesSlides/notesSlide1.xml"/><Relationship Id="rId1" Type="http://schemas.openxmlformats.org/officeDocument/2006/relationships/slideLayout" Target="../slideLayouts/slideLayout2.xml"/><Relationship Id="rId6" Type="http://schemas.openxmlformats.org/officeDocument/2006/relationships/image" Target="../media/image252.jpeg"/><Relationship Id="rId5" Type="http://schemas.openxmlformats.org/officeDocument/2006/relationships/hyperlink" Target="https://360.articulate.com/review/content/319ad009-7fd8-486c-b26f-6df8b6fb2cd7/review" TargetMode="External"/><Relationship Id="rId4" Type="http://schemas.openxmlformats.org/officeDocument/2006/relationships/hyperlink" Target="https://360.articulate.com/review/content/33a3cf8e-2b6e-47d7-8dc5-bd4abed9f348/review" TargetMode="External"/></Relationships>
</file>

<file path=ppt/slides/_rels/slide36.xml.rels><?xml version="1.0" encoding="UTF-8" standalone="yes"?>
<Relationships xmlns="http://schemas.openxmlformats.org/package/2006/relationships"><Relationship Id="rId8" Type="http://schemas.openxmlformats.org/officeDocument/2006/relationships/hyperlink" Target="https://salesportal.aptaracorp.com/Microlearning_PoCs/Origin_of_Language/launcher.html" TargetMode="External"/><Relationship Id="rId3" Type="http://schemas.openxmlformats.org/officeDocument/2006/relationships/hyperlink" Target="https://salesportal.aptaracorp.com/COSM/PoC/story.html" TargetMode="External"/><Relationship Id="rId7" Type="http://schemas.openxmlformats.org/officeDocument/2006/relationships/image" Target="../media/image257.jpeg"/><Relationship Id="rId2" Type="http://schemas.openxmlformats.org/officeDocument/2006/relationships/hyperlink" Target="https://demos.aptaracorp.com/Showcase/Demos/Workday/story.html" TargetMode="External"/><Relationship Id="rId1" Type="http://schemas.openxmlformats.org/officeDocument/2006/relationships/slideLayout" Target="../slideLayouts/slideLayout2.xml"/><Relationship Id="rId6" Type="http://schemas.openxmlformats.org/officeDocument/2006/relationships/image" Target="../media/image256.png"/><Relationship Id="rId11" Type="http://schemas.openxmlformats.org/officeDocument/2006/relationships/image" Target="../media/image260.jpeg"/><Relationship Id="rId5" Type="http://schemas.openxmlformats.org/officeDocument/2006/relationships/image" Target="../media/image255.jpeg"/><Relationship Id="rId10" Type="http://schemas.openxmlformats.org/officeDocument/2006/relationships/image" Target="../media/image259.jpeg"/><Relationship Id="rId4" Type="http://schemas.openxmlformats.org/officeDocument/2006/relationships/hyperlink" Target="https://demos.aptaracorp.com/Showcase/Demos/Analytics_Infuse_Game_Activity/index.html" TargetMode="External"/><Relationship Id="rId9" Type="http://schemas.openxmlformats.org/officeDocument/2006/relationships/image" Target="../media/image258.jpeg"/></Relationships>
</file>

<file path=ppt/slides/_rels/slide37.xml.rels><?xml version="1.0" encoding="UTF-8" standalone="yes"?>
<Relationships xmlns="http://schemas.openxmlformats.org/package/2006/relationships"><Relationship Id="rId8" Type="http://schemas.openxmlformats.org/officeDocument/2006/relationships/hyperlink" Target="https://aptaracorp.wistia.com/medias/ma8atcxy1q" TargetMode="External"/><Relationship Id="rId13" Type="http://schemas.openxmlformats.org/officeDocument/2006/relationships/image" Target="../media/image265.png"/><Relationship Id="rId18" Type="http://schemas.openxmlformats.org/officeDocument/2006/relationships/image" Target="../media/image267.png"/><Relationship Id="rId3" Type="http://schemas.openxmlformats.org/officeDocument/2006/relationships/image" Target="../media/image261.png"/><Relationship Id="rId7" Type="http://schemas.openxmlformats.org/officeDocument/2006/relationships/image" Target="../media/image263.png"/><Relationship Id="rId12" Type="http://schemas.openxmlformats.org/officeDocument/2006/relationships/hyperlink" Target="https://salesportal.aptaracorp.com/Etihad/Etihad_FreePlay_Activity/index.html" TargetMode="External"/><Relationship Id="rId17" Type="http://schemas.openxmlformats.org/officeDocument/2006/relationships/hyperlink" Target="https://aptaracorp.wistia.com/medias/z522ykcidk" TargetMode="External"/><Relationship Id="rId2" Type="http://schemas.openxmlformats.org/officeDocument/2006/relationships/hyperlink" Target="https://aptaracorp.wistia.com/medias/2neplpymuv" TargetMode="External"/><Relationship Id="rId16" Type="http://schemas.openxmlformats.org/officeDocument/2006/relationships/hyperlink" Target="https://aptaracorp.wistia.com/medias/56yfnc76ps" TargetMode="External"/><Relationship Id="rId20" Type="http://schemas.openxmlformats.org/officeDocument/2006/relationships/image" Target="../media/image269.png"/><Relationship Id="rId1" Type="http://schemas.openxmlformats.org/officeDocument/2006/relationships/slideLayout" Target="../slideLayouts/slideLayout2.xml"/><Relationship Id="rId6" Type="http://schemas.openxmlformats.org/officeDocument/2006/relationships/hyperlink" Target="https://aptaracorp.wistia.com/medias/l8pgyaejza" TargetMode="External"/><Relationship Id="rId11" Type="http://schemas.openxmlformats.org/officeDocument/2006/relationships/hyperlink" Target="http://salesportal.aptaracorp.com/CP_Demos/Captivate_Sample_01/ABC.htm" TargetMode="External"/><Relationship Id="rId5" Type="http://schemas.openxmlformats.org/officeDocument/2006/relationships/image" Target="../media/image262.png"/><Relationship Id="rId15" Type="http://schemas.openxmlformats.org/officeDocument/2006/relationships/image" Target="../media/image266.png"/><Relationship Id="rId10" Type="http://schemas.openxmlformats.org/officeDocument/2006/relationships/image" Target="../media/image264.png"/><Relationship Id="rId19" Type="http://schemas.openxmlformats.org/officeDocument/2006/relationships/image" Target="../media/image268.png"/><Relationship Id="rId4" Type="http://schemas.openxmlformats.org/officeDocument/2006/relationships/hyperlink" Target="https://aptaracorp.wistia.com/medias/srlpkcsbuq" TargetMode="External"/><Relationship Id="rId9" Type="http://schemas.openxmlformats.org/officeDocument/2006/relationships/hyperlink" Target="https://aptaracorp.wistia.com/medias/y5ofusc414" TargetMode="External"/><Relationship Id="rId14" Type="http://schemas.openxmlformats.org/officeDocument/2006/relationships/hyperlink" Target="https://aptaracorp.wistia.com/medias/lyom8hl77m" TargetMode="External"/></Relationships>
</file>

<file path=ppt/slides/_rels/slide38.xml.rels><?xml version="1.0" encoding="UTF-8" standalone="yes"?>
<Relationships xmlns="http://schemas.openxmlformats.org/package/2006/relationships"><Relationship Id="rId2" Type="http://schemas.openxmlformats.org/officeDocument/2006/relationships/image" Target="../media/image270.jpeg"/><Relationship Id="rId1" Type="http://schemas.openxmlformats.org/officeDocument/2006/relationships/slideLayout" Target="../slideLayouts/slideLayout2.xml"/></Relationships>
</file>

<file path=ppt/slides/_rels/slide4.xml.rels><?xml version="1.0" encoding="UTF-8" standalone="yes"?>
<Relationships xmlns="http://schemas.openxmlformats.org/package/2006/relationships"><Relationship Id="rId26" Type="http://schemas.openxmlformats.org/officeDocument/2006/relationships/image" Target="../media/image138.png"/><Relationship Id="rId21" Type="http://schemas.openxmlformats.org/officeDocument/2006/relationships/image" Target="../media/image133.jpeg"/><Relationship Id="rId42" Type="http://schemas.openxmlformats.org/officeDocument/2006/relationships/image" Target="../media/image154.png"/><Relationship Id="rId47" Type="http://schemas.openxmlformats.org/officeDocument/2006/relationships/image" Target="../media/image159.png"/><Relationship Id="rId63" Type="http://schemas.openxmlformats.org/officeDocument/2006/relationships/image" Target="../media/image175.png"/><Relationship Id="rId68" Type="http://schemas.openxmlformats.org/officeDocument/2006/relationships/image" Target="../media/image180.svg"/><Relationship Id="rId16" Type="http://schemas.openxmlformats.org/officeDocument/2006/relationships/image" Target="../media/image128.png"/><Relationship Id="rId11" Type="http://schemas.openxmlformats.org/officeDocument/2006/relationships/image" Target="../media/image123.svg"/><Relationship Id="rId24" Type="http://schemas.openxmlformats.org/officeDocument/2006/relationships/image" Target="../media/image136.png"/><Relationship Id="rId32" Type="http://schemas.openxmlformats.org/officeDocument/2006/relationships/image" Target="../media/image144.svg"/><Relationship Id="rId37" Type="http://schemas.openxmlformats.org/officeDocument/2006/relationships/image" Target="../media/image149.png"/><Relationship Id="rId40" Type="http://schemas.openxmlformats.org/officeDocument/2006/relationships/image" Target="../media/image152.png"/><Relationship Id="rId45" Type="http://schemas.openxmlformats.org/officeDocument/2006/relationships/image" Target="../media/image157.png"/><Relationship Id="rId53" Type="http://schemas.openxmlformats.org/officeDocument/2006/relationships/image" Target="../media/image165.png"/><Relationship Id="rId58" Type="http://schemas.openxmlformats.org/officeDocument/2006/relationships/image" Target="../media/image170.svg"/><Relationship Id="rId66" Type="http://schemas.openxmlformats.org/officeDocument/2006/relationships/image" Target="../media/image178.png"/><Relationship Id="rId74" Type="http://schemas.openxmlformats.org/officeDocument/2006/relationships/image" Target="../media/image186.png"/><Relationship Id="rId5" Type="http://schemas.openxmlformats.org/officeDocument/2006/relationships/image" Target="../media/image117.png"/><Relationship Id="rId61" Type="http://schemas.openxmlformats.org/officeDocument/2006/relationships/image" Target="../media/image173.png"/><Relationship Id="rId19" Type="http://schemas.openxmlformats.org/officeDocument/2006/relationships/image" Target="../media/image131.png"/><Relationship Id="rId14" Type="http://schemas.openxmlformats.org/officeDocument/2006/relationships/image" Target="../media/image126.png"/><Relationship Id="rId22" Type="http://schemas.openxmlformats.org/officeDocument/2006/relationships/image" Target="../media/image134.jpeg"/><Relationship Id="rId27" Type="http://schemas.openxmlformats.org/officeDocument/2006/relationships/image" Target="../media/image139.png"/><Relationship Id="rId30" Type="http://schemas.openxmlformats.org/officeDocument/2006/relationships/image" Target="../media/image142.png"/><Relationship Id="rId35" Type="http://schemas.openxmlformats.org/officeDocument/2006/relationships/image" Target="../media/image147.png"/><Relationship Id="rId43" Type="http://schemas.openxmlformats.org/officeDocument/2006/relationships/image" Target="../media/image155.png"/><Relationship Id="rId48" Type="http://schemas.openxmlformats.org/officeDocument/2006/relationships/image" Target="../media/image160.svg"/><Relationship Id="rId56" Type="http://schemas.openxmlformats.org/officeDocument/2006/relationships/image" Target="../media/image168.png"/><Relationship Id="rId64" Type="http://schemas.openxmlformats.org/officeDocument/2006/relationships/image" Target="../media/image176.jpeg"/><Relationship Id="rId69" Type="http://schemas.openxmlformats.org/officeDocument/2006/relationships/image" Target="../media/image181.png"/><Relationship Id="rId77" Type="http://schemas.openxmlformats.org/officeDocument/2006/relationships/image" Target="../media/image189.png"/><Relationship Id="rId8" Type="http://schemas.openxmlformats.org/officeDocument/2006/relationships/image" Target="../media/image120.png"/><Relationship Id="rId51" Type="http://schemas.openxmlformats.org/officeDocument/2006/relationships/image" Target="../media/image163.png"/><Relationship Id="rId72" Type="http://schemas.openxmlformats.org/officeDocument/2006/relationships/image" Target="../media/image184.png"/><Relationship Id="rId3" Type="http://schemas.openxmlformats.org/officeDocument/2006/relationships/image" Target="../media/image115.png"/><Relationship Id="rId12" Type="http://schemas.openxmlformats.org/officeDocument/2006/relationships/image" Target="../media/image124.png"/><Relationship Id="rId17" Type="http://schemas.openxmlformats.org/officeDocument/2006/relationships/image" Target="../media/image129.svg"/><Relationship Id="rId25" Type="http://schemas.openxmlformats.org/officeDocument/2006/relationships/image" Target="../media/image137.svg"/><Relationship Id="rId33" Type="http://schemas.openxmlformats.org/officeDocument/2006/relationships/image" Target="../media/image145.png"/><Relationship Id="rId38" Type="http://schemas.openxmlformats.org/officeDocument/2006/relationships/image" Target="../media/image150.jpeg"/><Relationship Id="rId46" Type="http://schemas.openxmlformats.org/officeDocument/2006/relationships/image" Target="../media/image158.png"/><Relationship Id="rId59" Type="http://schemas.openxmlformats.org/officeDocument/2006/relationships/image" Target="../media/image171.png"/><Relationship Id="rId67" Type="http://schemas.openxmlformats.org/officeDocument/2006/relationships/image" Target="../media/image179.png"/><Relationship Id="rId20" Type="http://schemas.openxmlformats.org/officeDocument/2006/relationships/image" Target="../media/image132.png"/><Relationship Id="rId41" Type="http://schemas.openxmlformats.org/officeDocument/2006/relationships/image" Target="../media/image153.png"/><Relationship Id="rId54" Type="http://schemas.openxmlformats.org/officeDocument/2006/relationships/image" Target="../media/image166.png"/><Relationship Id="rId62" Type="http://schemas.openxmlformats.org/officeDocument/2006/relationships/image" Target="../media/image174.svg"/><Relationship Id="rId70" Type="http://schemas.openxmlformats.org/officeDocument/2006/relationships/image" Target="../media/image182.svg"/><Relationship Id="rId75" Type="http://schemas.openxmlformats.org/officeDocument/2006/relationships/image" Target="../media/image187.png"/><Relationship Id="rId1" Type="http://schemas.openxmlformats.org/officeDocument/2006/relationships/slideLayout" Target="../slideLayouts/slideLayout2.xml"/><Relationship Id="rId6" Type="http://schemas.openxmlformats.org/officeDocument/2006/relationships/image" Target="../media/image118.svg"/><Relationship Id="rId15" Type="http://schemas.openxmlformats.org/officeDocument/2006/relationships/image" Target="../media/image127.svg"/><Relationship Id="rId23" Type="http://schemas.openxmlformats.org/officeDocument/2006/relationships/image" Target="../media/image135.png"/><Relationship Id="rId28" Type="http://schemas.openxmlformats.org/officeDocument/2006/relationships/image" Target="../media/image140.svg"/><Relationship Id="rId36" Type="http://schemas.openxmlformats.org/officeDocument/2006/relationships/image" Target="../media/image148.svg"/><Relationship Id="rId49" Type="http://schemas.openxmlformats.org/officeDocument/2006/relationships/image" Target="../media/image161.png"/><Relationship Id="rId57" Type="http://schemas.openxmlformats.org/officeDocument/2006/relationships/image" Target="../media/image169.png"/><Relationship Id="rId10" Type="http://schemas.openxmlformats.org/officeDocument/2006/relationships/image" Target="../media/image122.png"/><Relationship Id="rId31" Type="http://schemas.openxmlformats.org/officeDocument/2006/relationships/image" Target="../media/image143.png"/><Relationship Id="rId44" Type="http://schemas.openxmlformats.org/officeDocument/2006/relationships/image" Target="../media/image156.png"/><Relationship Id="rId52" Type="http://schemas.openxmlformats.org/officeDocument/2006/relationships/image" Target="../media/image164.png"/><Relationship Id="rId60" Type="http://schemas.openxmlformats.org/officeDocument/2006/relationships/image" Target="../media/image172.png"/><Relationship Id="rId65" Type="http://schemas.openxmlformats.org/officeDocument/2006/relationships/image" Target="../media/image177.jpeg"/><Relationship Id="rId73" Type="http://schemas.openxmlformats.org/officeDocument/2006/relationships/image" Target="../media/image185.png"/><Relationship Id="rId78" Type="http://schemas.openxmlformats.org/officeDocument/2006/relationships/image" Target="../media/image190.png"/><Relationship Id="rId4" Type="http://schemas.openxmlformats.org/officeDocument/2006/relationships/image" Target="../media/image116.svg"/><Relationship Id="rId9" Type="http://schemas.openxmlformats.org/officeDocument/2006/relationships/image" Target="../media/image121.png"/><Relationship Id="rId13" Type="http://schemas.openxmlformats.org/officeDocument/2006/relationships/image" Target="../media/image125.svg"/><Relationship Id="rId18" Type="http://schemas.openxmlformats.org/officeDocument/2006/relationships/image" Target="../media/image130.png"/><Relationship Id="rId39" Type="http://schemas.openxmlformats.org/officeDocument/2006/relationships/image" Target="../media/image151.png"/><Relationship Id="rId34" Type="http://schemas.openxmlformats.org/officeDocument/2006/relationships/image" Target="../media/image146.jpeg"/><Relationship Id="rId50" Type="http://schemas.openxmlformats.org/officeDocument/2006/relationships/image" Target="../media/image162.png"/><Relationship Id="rId55" Type="http://schemas.openxmlformats.org/officeDocument/2006/relationships/image" Target="../media/image167.jpeg"/><Relationship Id="rId76" Type="http://schemas.openxmlformats.org/officeDocument/2006/relationships/image" Target="../media/image188.svg"/><Relationship Id="rId7" Type="http://schemas.openxmlformats.org/officeDocument/2006/relationships/image" Target="../media/image119.png"/><Relationship Id="rId71" Type="http://schemas.openxmlformats.org/officeDocument/2006/relationships/image" Target="../media/image183.png"/><Relationship Id="rId2" Type="http://schemas.openxmlformats.org/officeDocument/2006/relationships/image" Target="../media/image114.png"/><Relationship Id="rId29" Type="http://schemas.openxmlformats.org/officeDocument/2006/relationships/image" Target="../media/image141.png"/></Relationships>
</file>

<file path=ppt/slides/_rels/slide5.xml.rels><?xml version="1.0" encoding="UTF-8" standalone="yes"?>
<Relationships xmlns="http://schemas.openxmlformats.org/package/2006/relationships"><Relationship Id="rId8" Type="http://schemas.openxmlformats.org/officeDocument/2006/relationships/image" Target="../media/image197.jpeg"/><Relationship Id="rId3" Type="http://schemas.openxmlformats.org/officeDocument/2006/relationships/image" Target="../media/image192.jpeg"/><Relationship Id="rId7" Type="http://schemas.openxmlformats.org/officeDocument/2006/relationships/image" Target="../media/image196.jpeg"/><Relationship Id="rId2" Type="http://schemas.openxmlformats.org/officeDocument/2006/relationships/image" Target="../media/image191.jpeg"/><Relationship Id="rId1" Type="http://schemas.openxmlformats.org/officeDocument/2006/relationships/slideLayout" Target="../slideLayouts/slideLayout2.xml"/><Relationship Id="rId6" Type="http://schemas.openxmlformats.org/officeDocument/2006/relationships/image" Target="../media/image195.png"/><Relationship Id="rId11" Type="http://schemas.microsoft.com/office/2007/relationships/hdphoto" Target="../media/hdphoto1.wdp"/><Relationship Id="rId5" Type="http://schemas.openxmlformats.org/officeDocument/2006/relationships/image" Target="../media/image194.svg"/><Relationship Id="rId10" Type="http://schemas.openxmlformats.org/officeDocument/2006/relationships/image" Target="../media/image199.png"/><Relationship Id="rId4" Type="http://schemas.openxmlformats.org/officeDocument/2006/relationships/image" Target="../media/image193.png"/><Relationship Id="rId9" Type="http://schemas.openxmlformats.org/officeDocument/2006/relationships/image" Target="../media/image198.png"/></Relationships>
</file>

<file path=ppt/slides/_rels/slide6.xml.rels><?xml version="1.0" encoding="UTF-8" standalone="yes"?>
<Relationships xmlns="http://schemas.openxmlformats.org/package/2006/relationships"><Relationship Id="rId8" Type="http://schemas.openxmlformats.org/officeDocument/2006/relationships/image" Target="../media/image206.svg"/><Relationship Id="rId13" Type="http://schemas.openxmlformats.org/officeDocument/2006/relationships/image" Target="../media/image211.png"/><Relationship Id="rId3" Type="http://schemas.openxmlformats.org/officeDocument/2006/relationships/image" Target="../media/image201.png"/><Relationship Id="rId7" Type="http://schemas.openxmlformats.org/officeDocument/2006/relationships/image" Target="../media/image205.png"/><Relationship Id="rId12" Type="http://schemas.openxmlformats.org/officeDocument/2006/relationships/image" Target="../media/image210.svg"/><Relationship Id="rId2" Type="http://schemas.openxmlformats.org/officeDocument/2006/relationships/image" Target="../media/image200.jpeg"/><Relationship Id="rId1" Type="http://schemas.openxmlformats.org/officeDocument/2006/relationships/slideLayout" Target="../slideLayouts/slideLayout6.xml"/><Relationship Id="rId6" Type="http://schemas.openxmlformats.org/officeDocument/2006/relationships/image" Target="../media/image204.svg"/><Relationship Id="rId11" Type="http://schemas.openxmlformats.org/officeDocument/2006/relationships/image" Target="../media/image209.png"/><Relationship Id="rId5" Type="http://schemas.openxmlformats.org/officeDocument/2006/relationships/image" Target="../media/image203.png"/><Relationship Id="rId10" Type="http://schemas.openxmlformats.org/officeDocument/2006/relationships/image" Target="../media/image208.svg"/><Relationship Id="rId4" Type="http://schemas.openxmlformats.org/officeDocument/2006/relationships/image" Target="../media/image202.svg"/><Relationship Id="rId9" Type="http://schemas.openxmlformats.org/officeDocument/2006/relationships/image" Target="../media/image207.png"/><Relationship Id="rId14" Type="http://schemas.openxmlformats.org/officeDocument/2006/relationships/image" Target="../media/image212.svg"/></Relationships>
</file>

<file path=ppt/slides/_rels/slide7.xml.rels><?xml version="1.0" encoding="UTF-8" standalone="yes"?>
<Relationships xmlns="http://schemas.openxmlformats.org/package/2006/relationships"><Relationship Id="rId8" Type="http://schemas.openxmlformats.org/officeDocument/2006/relationships/image" Target="../media/image219.png"/><Relationship Id="rId3" Type="http://schemas.openxmlformats.org/officeDocument/2006/relationships/image" Target="../media/image214.png"/><Relationship Id="rId7" Type="http://schemas.openxmlformats.org/officeDocument/2006/relationships/image" Target="../media/image218.png"/><Relationship Id="rId2" Type="http://schemas.openxmlformats.org/officeDocument/2006/relationships/image" Target="../media/image213.jpeg"/><Relationship Id="rId1" Type="http://schemas.openxmlformats.org/officeDocument/2006/relationships/slideLayout" Target="../slideLayouts/slideLayout6.xml"/><Relationship Id="rId6" Type="http://schemas.openxmlformats.org/officeDocument/2006/relationships/image" Target="../media/image217.png"/><Relationship Id="rId5" Type="http://schemas.openxmlformats.org/officeDocument/2006/relationships/image" Target="../media/image216.png"/><Relationship Id="rId10" Type="http://schemas.openxmlformats.org/officeDocument/2006/relationships/image" Target="../media/image221.png"/><Relationship Id="rId4" Type="http://schemas.openxmlformats.org/officeDocument/2006/relationships/image" Target="../media/image215.png"/><Relationship Id="rId9" Type="http://schemas.openxmlformats.org/officeDocument/2006/relationships/image" Target="../media/image220.png"/></Relationships>
</file>

<file path=ppt/slides/_rels/slide8.xml.rels><?xml version="1.0" encoding="UTF-8" standalone="yes"?>
<Relationships xmlns="http://schemas.openxmlformats.org/package/2006/relationships"><Relationship Id="rId3" Type="http://schemas.openxmlformats.org/officeDocument/2006/relationships/image" Target="../media/image28.png"/><Relationship Id="rId2" Type="http://schemas.openxmlformats.org/officeDocument/2006/relationships/image" Target="../media/image222.jpeg"/><Relationship Id="rId1" Type="http://schemas.openxmlformats.org/officeDocument/2006/relationships/slideLayout" Target="../slideLayouts/slideLayout2.xml"/><Relationship Id="rId4" Type="http://schemas.openxmlformats.org/officeDocument/2006/relationships/image" Target="../media/image29.svg"/></Relationships>
</file>

<file path=ppt/slides/_rels/slide9.xml.rels><?xml version="1.0" encoding="UTF-8" standalone="yes"?>
<Relationships xmlns="http://schemas.openxmlformats.org/package/2006/relationships"><Relationship Id="rId3" Type="http://schemas.openxmlformats.org/officeDocument/2006/relationships/image" Target="../media/image224.png"/><Relationship Id="rId2" Type="http://schemas.openxmlformats.org/officeDocument/2006/relationships/image" Target="../media/image223.png"/><Relationship Id="rId1" Type="http://schemas.openxmlformats.org/officeDocument/2006/relationships/slideLayout" Target="../slideLayouts/slideLayout2.xml"/><Relationship Id="rId5" Type="http://schemas.openxmlformats.org/officeDocument/2006/relationships/image" Target="../media/image29.svg"/><Relationship Id="rId4" Type="http://schemas.openxmlformats.org/officeDocument/2006/relationships/image" Target="../media/image28.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40F87FB-CEDA-A919-DA5F-0365F8EBEAA2}"/>
              </a:ext>
            </a:extLst>
          </p:cNvPr>
          <p:cNvSpPr>
            <a:spLocks noGrp="1"/>
          </p:cNvSpPr>
          <p:nvPr>
            <p:ph type="title"/>
          </p:nvPr>
        </p:nvSpPr>
        <p:spPr/>
        <p:txBody>
          <a:bodyPr/>
          <a:lstStyle/>
          <a:p>
            <a:endParaRPr lang="en-IN"/>
          </a:p>
        </p:txBody>
      </p:sp>
      <p:pic>
        <p:nvPicPr>
          <p:cNvPr id="4" name="Picture 3" descr="A black square with white border&#10;&#10;Description automatically generated">
            <a:extLst>
              <a:ext uri="{FF2B5EF4-FFF2-40B4-BE49-F238E27FC236}">
                <a16:creationId xmlns:a16="http://schemas.microsoft.com/office/drawing/2014/main" id="{AA2B4083-57F3-9ADA-A147-66EB74DA5211}"/>
              </a:ext>
            </a:extLst>
          </p:cNvPr>
          <p:cNvPicPr>
            <a:picLocks noChangeAspect="1"/>
          </p:cNvPicPr>
          <p:nvPr/>
        </p:nvPicPr>
        <p:blipFill>
          <a:blip r:embed="rId2">
            <a:extLst>
              <a:ext uri="{28A0092B-C50C-407E-A947-70E740481C1C}">
                <a14:useLocalDpi xmlns:a14="http://schemas.microsoft.com/office/drawing/2010/main"/>
              </a:ext>
            </a:extLst>
          </a:blip>
          <a:stretch>
            <a:fillRect/>
          </a:stretch>
        </p:blipFill>
        <p:spPr>
          <a:xfrm>
            <a:off x="7037036" y="1202491"/>
            <a:ext cx="519444" cy="519444"/>
          </a:xfrm>
          <a:prstGeom prst="rect">
            <a:avLst/>
          </a:prstGeom>
        </p:spPr>
      </p:pic>
      <p:pic>
        <p:nvPicPr>
          <p:cNvPr id="5" name="Picture 4" descr="A black square with white border&#10;&#10;Description automatically generated">
            <a:extLst>
              <a:ext uri="{FF2B5EF4-FFF2-40B4-BE49-F238E27FC236}">
                <a16:creationId xmlns:a16="http://schemas.microsoft.com/office/drawing/2014/main" id="{330C7900-3464-EB8A-00FF-9EFD5DDDFE2C}"/>
              </a:ext>
            </a:extLst>
          </p:cNvPr>
          <p:cNvPicPr>
            <a:picLocks noChangeAspect="1"/>
          </p:cNvPicPr>
          <p:nvPr/>
        </p:nvPicPr>
        <p:blipFill>
          <a:blip r:embed="rId2">
            <a:extLst>
              <a:ext uri="{28A0092B-C50C-407E-A947-70E740481C1C}">
                <a14:useLocalDpi xmlns:a14="http://schemas.microsoft.com/office/drawing/2010/main"/>
              </a:ext>
            </a:extLst>
          </a:blip>
          <a:stretch>
            <a:fillRect/>
          </a:stretch>
        </p:blipFill>
        <p:spPr>
          <a:xfrm>
            <a:off x="7779079" y="1202491"/>
            <a:ext cx="519444" cy="519444"/>
          </a:xfrm>
          <a:prstGeom prst="rect">
            <a:avLst/>
          </a:prstGeom>
        </p:spPr>
      </p:pic>
      <p:pic>
        <p:nvPicPr>
          <p:cNvPr id="6" name="Picture 5" descr="A black square with white border&#10;&#10;Description automatically generated">
            <a:extLst>
              <a:ext uri="{FF2B5EF4-FFF2-40B4-BE49-F238E27FC236}">
                <a16:creationId xmlns:a16="http://schemas.microsoft.com/office/drawing/2014/main" id="{2033B53B-443A-5C5E-C2B1-CB0C2AE9890E}"/>
              </a:ext>
            </a:extLst>
          </p:cNvPr>
          <p:cNvPicPr>
            <a:picLocks noChangeAspect="1"/>
          </p:cNvPicPr>
          <p:nvPr/>
        </p:nvPicPr>
        <p:blipFill>
          <a:blip r:embed="rId2">
            <a:extLst>
              <a:ext uri="{28A0092B-C50C-407E-A947-70E740481C1C}">
                <a14:useLocalDpi xmlns:a14="http://schemas.microsoft.com/office/drawing/2010/main"/>
              </a:ext>
            </a:extLst>
          </a:blip>
          <a:stretch>
            <a:fillRect/>
          </a:stretch>
        </p:blipFill>
        <p:spPr>
          <a:xfrm>
            <a:off x="9263165" y="1202491"/>
            <a:ext cx="519444" cy="519444"/>
          </a:xfrm>
          <a:prstGeom prst="rect">
            <a:avLst/>
          </a:prstGeom>
        </p:spPr>
      </p:pic>
      <p:pic>
        <p:nvPicPr>
          <p:cNvPr id="7" name="Picture 6" descr="A black square with white border&#10;&#10;Description automatically generated">
            <a:extLst>
              <a:ext uri="{FF2B5EF4-FFF2-40B4-BE49-F238E27FC236}">
                <a16:creationId xmlns:a16="http://schemas.microsoft.com/office/drawing/2014/main" id="{2154C419-2239-6463-233C-C0E0ED795793}"/>
              </a:ext>
            </a:extLst>
          </p:cNvPr>
          <p:cNvPicPr>
            <a:picLocks noChangeAspect="1"/>
          </p:cNvPicPr>
          <p:nvPr/>
        </p:nvPicPr>
        <p:blipFill>
          <a:blip r:embed="rId2">
            <a:extLst>
              <a:ext uri="{28A0092B-C50C-407E-A947-70E740481C1C}">
                <a14:useLocalDpi xmlns:a14="http://schemas.microsoft.com/office/drawing/2010/main"/>
              </a:ext>
            </a:extLst>
          </a:blip>
          <a:stretch>
            <a:fillRect/>
          </a:stretch>
        </p:blipFill>
        <p:spPr>
          <a:xfrm>
            <a:off x="10005208" y="1202491"/>
            <a:ext cx="519444" cy="519444"/>
          </a:xfrm>
          <a:prstGeom prst="rect">
            <a:avLst/>
          </a:prstGeom>
        </p:spPr>
      </p:pic>
      <p:pic>
        <p:nvPicPr>
          <p:cNvPr id="8" name="Picture 7" descr="A black square with white border&#10;&#10;Description automatically generated">
            <a:extLst>
              <a:ext uri="{FF2B5EF4-FFF2-40B4-BE49-F238E27FC236}">
                <a16:creationId xmlns:a16="http://schemas.microsoft.com/office/drawing/2014/main" id="{D407A327-8111-0272-51F1-15611479F79C}"/>
              </a:ext>
            </a:extLst>
          </p:cNvPr>
          <p:cNvPicPr>
            <a:picLocks noChangeAspect="1"/>
          </p:cNvPicPr>
          <p:nvPr/>
        </p:nvPicPr>
        <p:blipFill>
          <a:blip r:embed="rId2">
            <a:extLst>
              <a:ext uri="{28A0092B-C50C-407E-A947-70E740481C1C}">
                <a14:useLocalDpi xmlns:a14="http://schemas.microsoft.com/office/drawing/2010/main"/>
              </a:ext>
            </a:extLst>
          </a:blip>
          <a:stretch>
            <a:fillRect/>
          </a:stretch>
        </p:blipFill>
        <p:spPr>
          <a:xfrm>
            <a:off x="10747251" y="1202491"/>
            <a:ext cx="519444" cy="519444"/>
          </a:xfrm>
          <a:prstGeom prst="rect">
            <a:avLst/>
          </a:prstGeom>
        </p:spPr>
      </p:pic>
      <p:pic>
        <p:nvPicPr>
          <p:cNvPr id="9" name="Picture 8" descr="A black square with white border&#10;&#10;Description automatically generated">
            <a:extLst>
              <a:ext uri="{FF2B5EF4-FFF2-40B4-BE49-F238E27FC236}">
                <a16:creationId xmlns:a16="http://schemas.microsoft.com/office/drawing/2014/main" id="{3C6EFBE1-FEAE-4215-E683-7447E4404C18}"/>
              </a:ext>
            </a:extLst>
          </p:cNvPr>
          <p:cNvPicPr>
            <a:picLocks noChangeAspect="1"/>
          </p:cNvPicPr>
          <p:nvPr/>
        </p:nvPicPr>
        <p:blipFill>
          <a:blip r:embed="rId2">
            <a:extLst>
              <a:ext uri="{28A0092B-C50C-407E-A947-70E740481C1C}">
                <a14:useLocalDpi xmlns:a14="http://schemas.microsoft.com/office/drawing/2010/main"/>
              </a:ext>
            </a:extLst>
          </a:blip>
          <a:stretch>
            <a:fillRect/>
          </a:stretch>
        </p:blipFill>
        <p:spPr>
          <a:xfrm>
            <a:off x="11489294" y="1202491"/>
            <a:ext cx="519444" cy="519444"/>
          </a:xfrm>
          <a:prstGeom prst="rect">
            <a:avLst/>
          </a:prstGeom>
        </p:spPr>
      </p:pic>
      <p:pic>
        <p:nvPicPr>
          <p:cNvPr id="10" name="Picture 9" descr="A black square with white border&#10;&#10;Description automatically generated">
            <a:extLst>
              <a:ext uri="{FF2B5EF4-FFF2-40B4-BE49-F238E27FC236}">
                <a16:creationId xmlns:a16="http://schemas.microsoft.com/office/drawing/2014/main" id="{F3F0CB51-71E7-403F-0186-8E5CA9794F53}"/>
              </a:ext>
            </a:extLst>
          </p:cNvPr>
          <p:cNvPicPr>
            <a:picLocks noChangeAspect="1"/>
          </p:cNvPicPr>
          <p:nvPr/>
        </p:nvPicPr>
        <p:blipFill>
          <a:blip r:embed="rId2">
            <a:extLst>
              <a:ext uri="{28A0092B-C50C-407E-A947-70E740481C1C}">
                <a14:useLocalDpi xmlns:a14="http://schemas.microsoft.com/office/drawing/2010/main"/>
              </a:ext>
            </a:extLst>
          </a:blip>
          <a:stretch>
            <a:fillRect/>
          </a:stretch>
        </p:blipFill>
        <p:spPr>
          <a:xfrm>
            <a:off x="8527472" y="1202491"/>
            <a:ext cx="519444" cy="519444"/>
          </a:xfrm>
          <a:prstGeom prst="rect">
            <a:avLst/>
          </a:prstGeom>
        </p:spPr>
      </p:pic>
      <p:pic>
        <p:nvPicPr>
          <p:cNvPr id="11" name="Picture 10" descr="A black square with white border&#10;&#10;Description automatically generated">
            <a:extLst>
              <a:ext uri="{FF2B5EF4-FFF2-40B4-BE49-F238E27FC236}">
                <a16:creationId xmlns:a16="http://schemas.microsoft.com/office/drawing/2014/main" id="{AAD0172B-C538-5928-8D21-4F91AD36AF37}"/>
              </a:ext>
            </a:extLst>
          </p:cNvPr>
          <p:cNvPicPr>
            <a:picLocks noChangeAspect="1"/>
          </p:cNvPicPr>
          <p:nvPr/>
        </p:nvPicPr>
        <p:blipFill>
          <a:blip r:embed="rId2">
            <a:extLst>
              <a:ext uri="{28A0092B-C50C-407E-A947-70E740481C1C}">
                <a14:useLocalDpi xmlns:a14="http://schemas.microsoft.com/office/drawing/2010/main"/>
              </a:ext>
            </a:extLst>
          </a:blip>
          <a:stretch>
            <a:fillRect/>
          </a:stretch>
        </p:blipFill>
        <p:spPr>
          <a:xfrm>
            <a:off x="6294993" y="1202491"/>
            <a:ext cx="519444" cy="519444"/>
          </a:xfrm>
          <a:prstGeom prst="rect">
            <a:avLst/>
          </a:prstGeom>
        </p:spPr>
      </p:pic>
      <p:sp>
        <p:nvSpPr>
          <p:cNvPr id="12" name="Rectangle 11">
            <a:extLst>
              <a:ext uri="{FF2B5EF4-FFF2-40B4-BE49-F238E27FC236}">
                <a16:creationId xmlns:a16="http://schemas.microsoft.com/office/drawing/2014/main" id="{B4C9FC40-7497-9C97-2AF1-065D3A77E4CB}"/>
              </a:ext>
            </a:extLst>
          </p:cNvPr>
          <p:cNvSpPr/>
          <p:nvPr/>
        </p:nvSpPr>
        <p:spPr>
          <a:xfrm>
            <a:off x="0" y="0"/>
            <a:ext cx="12192000" cy="1170432"/>
          </a:xfrm>
          <a:prstGeom prst="rect">
            <a:avLst/>
          </a:prstGeom>
          <a:solidFill>
            <a:srgbClr val="09142E"/>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pic>
        <p:nvPicPr>
          <p:cNvPr id="13" name="Picture 12" descr="A person wearing a vr headset&#10;&#10;Description automatically generated">
            <a:extLst>
              <a:ext uri="{FF2B5EF4-FFF2-40B4-BE49-F238E27FC236}">
                <a16:creationId xmlns:a16="http://schemas.microsoft.com/office/drawing/2014/main" id="{11948740-0BF2-50B8-8BE6-B716330F5F8A}"/>
              </a:ext>
            </a:extLst>
          </p:cNvPr>
          <p:cNvPicPr>
            <a:picLocks noChangeAspect="1"/>
          </p:cNvPicPr>
          <p:nvPr/>
        </p:nvPicPr>
        <p:blipFill>
          <a:blip r:embed="rId3" cstate="screen">
            <a:extLst>
              <a:ext uri="{28A0092B-C50C-407E-A947-70E740481C1C}">
                <a14:useLocalDpi xmlns:a14="http://schemas.microsoft.com/office/drawing/2010/main"/>
              </a:ext>
            </a:extLst>
          </a:blip>
          <a:stretch>
            <a:fillRect/>
          </a:stretch>
        </p:blipFill>
        <p:spPr>
          <a:xfrm>
            <a:off x="0" y="1772535"/>
            <a:ext cx="12192000" cy="5085465"/>
          </a:xfrm>
          <a:prstGeom prst="rect">
            <a:avLst/>
          </a:prstGeom>
        </p:spPr>
      </p:pic>
      <p:sp>
        <p:nvSpPr>
          <p:cNvPr id="14" name="TextBox 13">
            <a:extLst>
              <a:ext uri="{FF2B5EF4-FFF2-40B4-BE49-F238E27FC236}">
                <a16:creationId xmlns:a16="http://schemas.microsoft.com/office/drawing/2014/main" id="{487FCF02-B4B4-ED1A-3EA3-3D81E946C3BD}"/>
              </a:ext>
            </a:extLst>
          </p:cNvPr>
          <p:cNvSpPr txBox="1"/>
          <p:nvPr/>
        </p:nvSpPr>
        <p:spPr>
          <a:xfrm>
            <a:off x="411942" y="435215"/>
            <a:ext cx="7150887" cy="646331"/>
          </a:xfrm>
          <a:prstGeom prst="rect">
            <a:avLst/>
          </a:prstGeom>
          <a:noFill/>
        </p:spPr>
        <p:txBody>
          <a:bodyPr wrap="square">
            <a:spAutoFit/>
          </a:bodyPr>
          <a:lstStyle/>
          <a:p>
            <a:pPr>
              <a:spcBef>
                <a:spcPct val="0"/>
              </a:spcBef>
              <a:spcAft>
                <a:spcPts val="1800"/>
              </a:spcAft>
            </a:pPr>
            <a:r>
              <a:rPr lang="en-IN" sz="3600" b="1" dirty="0">
                <a:solidFill>
                  <a:schemeClr val="bg1"/>
                </a:solidFill>
                <a:ea typeface="+mj-ea"/>
                <a:cs typeface="+mj-cs"/>
              </a:rPr>
              <a:t>GAMIFICATION SAMPLES</a:t>
            </a:r>
          </a:p>
        </p:txBody>
      </p:sp>
      <p:sp>
        <p:nvSpPr>
          <p:cNvPr id="16" name="TextBox 15">
            <a:extLst>
              <a:ext uri="{FF2B5EF4-FFF2-40B4-BE49-F238E27FC236}">
                <a16:creationId xmlns:a16="http://schemas.microsoft.com/office/drawing/2014/main" id="{7C546677-0113-148A-FF2F-7370A6568250}"/>
              </a:ext>
            </a:extLst>
          </p:cNvPr>
          <p:cNvSpPr txBox="1"/>
          <p:nvPr/>
        </p:nvSpPr>
        <p:spPr>
          <a:xfrm>
            <a:off x="454103" y="1294512"/>
            <a:ext cx="3070098" cy="353943"/>
          </a:xfrm>
          <a:prstGeom prst="rect">
            <a:avLst/>
          </a:prstGeom>
          <a:noFill/>
        </p:spPr>
        <p:txBody>
          <a:bodyPr wrap="square">
            <a:spAutoFit/>
          </a:bodyPr>
          <a:lstStyle/>
          <a:p>
            <a:pPr>
              <a:spcBef>
                <a:spcPct val="0"/>
              </a:spcBef>
              <a:spcAft>
                <a:spcPts val="1800"/>
              </a:spcAft>
            </a:pPr>
            <a:r>
              <a:rPr lang="en-IN" sz="1700"/>
              <a:t>CAPABILITIES PRESENTATION TO</a:t>
            </a:r>
          </a:p>
        </p:txBody>
      </p:sp>
      <p:pic>
        <p:nvPicPr>
          <p:cNvPr id="18" name="Graphic 17">
            <a:extLst>
              <a:ext uri="{FF2B5EF4-FFF2-40B4-BE49-F238E27FC236}">
                <a16:creationId xmlns:a16="http://schemas.microsoft.com/office/drawing/2014/main" id="{A5DC758A-28AA-FA8A-BABD-4639EAE335DA}"/>
              </a:ext>
            </a:extLst>
          </p:cNvPr>
          <p:cNvPicPr>
            <a:picLocks noChangeAspect="1"/>
          </p:cNvPicPr>
          <p:nvPr/>
        </p:nvPicPr>
        <p:blipFill>
          <a:blip r:embed="rId4" cstate="screen">
            <a:extLst>
              <a:ext uri="{28A0092B-C50C-407E-A947-70E740481C1C}">
                <a14:useLocalDpi xmlns:a14="http://schemas.microsoft.com/office/drawing/2010/main"/>
              </a:ext>
              <a:ext uri="{96DAC541-7B7A-43D3-8B79-37D633B846F1}">
                <asvg:svgBlip xmlns:asvg="http://schemas.microsoft.com/office/drawing/2016/SVG/main" r:embed="rId5"/>
              </a:ext>
            </a:extLst>
          </a:blip>
          <a:stretch>
            <a:fillRect/>
          </a:stretch>
        </p:blipFill>
        <p:spPr>
          <a:xfrm>
            <a:off x="6420673" y="1304039"/>
            <a:ext cx="301628" cy="331199"/>
          </a:xfrm>
          <a:prstGeom prst="rect">
            <a:avLst/>
          </a:prstGeom>
        </p:spPr>
      </p:pic>
      <p:pic>
        <p:nvPicPr>
          <p:cNvPr id="19" name="Graphic 18">
            <a:extLst>
              <a:ext uri="{FF2B5EF4-FFF2-40B4-BE49-F238E27FC236}">
                <a16:creationId xmlns:a16="http://schemas.microsoft.com/office/drawing/2014/main" id="{57237E16-E719-42A2-47E8-BD4449E4E1E0}"/>
              </a:ext>
            </a:extLst>
          </p:cNvPr>
          <p:cNvPicPr>
            <a:picLocks noChangeAspect="1"/>
          </p:cNvPicPr>
          <p:nvPr/>
        </p:nvPicPr>
        <p:blipFill>
          <a:blip r:embed="rId6" cstate="screen">
            <a:extLst>
              <a:ext uri="{28A0092B-C50C-407E-A947-70E740481C1C}">
                <a14:useLocalDpi xmlns:a14="http://schemas.microsoft.com/office/drawing/2010/main"/>
              </a:ext>
              <a:ext uri="{96DAC541-7B7A-43D3-8B79-37D633B846F1}">
                <asvg:svgBlip xmlns:asvg="http://schemas.microsoft.com/office/drawing/2016/SVG/main" r:embed="rId7"/>
              </a:ext>
            </a:extLst>
          </a:blip>
          <a:stretch>
            <a:fillRect/>
          </a:stretch>
        </p:blipFill>
        <p:spPr>
          <a:xfrm>
            <a:off x="7158521" y="1304039"/>
            <a:ext cx="283885" cy="331199"/>
          </a:xfrm>
          <a:prstGeom prst="rect">
            <a:avLst/>
          </a:prstGeom>
        </p:spPr>
      </p:pic>
      <p:pic>
        <p:nvPicPr>
          <p:cNvPr id="20" name="Graphic 19">
            <a:extLst>
              <a:ext uri="{FF2B5EF4-FFF2-40B4-BE49-F238E27FC236}">
                <a16:creationId xmlns:a16="http://schemas.microsoft.com/office/drawing/2014/main" id="{AD3EB98E-2212-6C39-A3AF-BAE07AE671B1}"/>
              </a:ext>
            </a:extLst>
          </p:cNvPr>
          <p:cNvPicPr>
            <a:picLocks noChangeAspect="1"/>
          </p:cNvPicPr>
          <p:nvPr/>
        </p:nvPicPr>
        <p:blipFill>
          <a:blip r:embed="rId8" cstate="screen">
            <a:extLst>
              <a:ext uri="{28A0092B-C50C-407E-A947-70E740481C1C}">
                <a14:useLocalDpi xmlns:a14="http://schemas.microsoft.com/office/drawing/2010/main"/>
              </a:ext>
              <a:ext uri="{96DAC541-7B7A-43D3-8B79-37D633B846F1}">
                <asvg:svgBlip xmlns:asvg="http://schemas.microsoft.com/office/drawing/2016/SVG/main" r:embed="rId9"/>
              </a:ext>
            </a:extLst>
          </a:blip>
          <a:stretch>
            <a:fillRect/>
          </a:stretch>
        </p:blipFill>
        <p:spPr>
          <a:xfrm>
            <a:off x="7875381" y="1309953"/>
            <a:ext cx="331199" cy="319371"/>
          </a:xfrm>
          <a:prstGeom prst="rect">
            <a:avLst/>
          </a:prstGeom>
        </p:spPr>
      </p:pic>
      <p:pic>
        <p:nvPicPr>
          <p:cNvPr id="21" name="Graphic 20">
            <a:extLst>
              <a:ext uri="{FF2B5EF4-FFF2-40B4-BE49-F238E27FC236}">
                <a16:creationId xmlns:a16="http://schemas.microsoft.com/office/drawing/2014/main" id="{83B3FCC8-F931-F8E3-1550-EC45C9B951B2}"/>
              </a:ext>
            </a:extLst>
          </p:cNvPr>
          <p:cNvPicPr>
            <a:picLocks noChangeAspect="1"/>
          </p:cNvPicPr>
          <p:nvPr/>
        </p:nvPicPr>
        <p:blipFill>
          <a:blip r:embed="rId10" cstate="screen">
            <a:extLst>
              <a:ext uri="{28A0092B-C50C-407E-A947-70E740481C1C}">
                <a14:useLocalDpi xmlns:a14="http://schemas.microsoft.com/office/drawing/2010/main"/>
              </a:ext>
              <a:ext uri="{96DAC541-7B7A-43D3-8B79-37D633B846F1}">
                <asvg:svgBlip xmlns:asvg="http://schemas.microsoft.com/office/drawing/2016/SVG/main" r:embed="rId11"/>
              </a:ext>
            </a:extLst>
          </a:blip>
          <a:stretch>
            <a:fillRect/>
          </a:stretch>
        </p:blipFill>
        <p:spPr>
          <a:xfrm>
            <a:off x="8631823" y="1309953"/>
            <a:ext cx="331199" cy="319371"/>
          </a:xfrm>
          <a:prstGeom prst="rect">
            <a:avLst/>
          </a:prstGeom>
        </p:spPr>
      </p:pic>
      <p:pic>
        <p:nvPicPr>
          <p:cNvPr id="22" name="Graphic 21">
            <a:extLst>
              <a:ext uri="{FF2B5EF4-FFF2-40B4-BE49-F238E27FC236}">
                <a16:creationId xmlns:a16="http://schemas.microsoft.com/office/drawing/2014/main" id="{AF755A25-C091-2A99-1F91-A287281D3594}"/>
              </a:ext>
            </a:extLst>
          </p:cNvPr>
          <p:cNvPicPr>
            <a:picLocks noChangeAspect="1"/>
          </p:cNvPicPr>
          <p:nvPr/>
        </p:nvPicPr>
        <p:blipFill>
          <a:blip r:embed="rId12" cstate="screen">
            <a:extLst>
              <a:ext uri="{28A0092B-C50C-407E-A947-70E740481C1C}">
                <a14:useLocalDpi xmlns:a14="http://schemas.microsoft.com/office/drawing/2010/main"/>
              </a:ext>
              <a:ext uri="{96DAC541-7B7A-43D3-8B79-37D633B846F1}">
                <asvg:svgBlip xmlns:asvg="http://schemas.microsoft.com/office/drawing/2016/SVG/main" r:embed="rId13"/>
              </a:ext>
            </a:extLst>
          </a:blip>
          <a:stretch>
            <a:fillRect/>
          </a:stretch>
        </p:blipFill>
        <p:spPr>
          <a:xfrm>
            <a:off x="9356515" y="1306996"/>
            <a:ext cx="331199" cy="325285"/>
          </a:xfrm>
          <a:prstGeom prst="rect">
            <a:avLst/>
          </a:prstGeom>
        </p:spPr>
      </p:pic>
      <p:pic>
        <p:nvPicPr>
          <p:cNvPr id="23" name="Graphic 22">
            <a:extLst>
              <a:ext uri="{FF2B5EF4-FFF2-40B4-BE49-F238E27FC236}">
                <a16:creationId xmlns:a16="http://schemas.microsoft.com/office/drawing/2014/main" id="{8E1DDED5-C972-4434-6170-957BEAD910A6}"/>
              </a:ext>
            </a:extLst>
          </p:cNvPr>
          <p:cNvPicPr>
            <a:picLocks noChangeAspect="1"/>
          </p:cNvPicPr>
          <p:nvPr/>
        </p:nvPicPr>
        <p:blipFill>
          <a:blip r:embed="rId14" cstate="screen">
            <a:extLst>
              <a:ext uri="{28A0092B-C50C-407E-A947-70E740481C1C}">
                <a14:useLocalDpi xmlns:a14="http://schemas.microsoft.com/office/drawing/2010/main"/>
              </a:ext>
              <a:ext uri="{96DAC541-7B7A-43D3-8B79-37D633B846F1}">
                <asvg:svgBlip xmlns:asvg="http://schemas.microsoft.com/office/drawing/2016/SVG/main" r:embed="rId15"/>
              </a:ext>
            </a:extLst>
          </a:blip>
          <a:stretch>
            <a:fillRect/>
          </a:stretch>
        </p:blipFill>
        <p:spPr>
          <a:xfrm>
            <a:off x="10112957" y="1312910"/>
            <a:ext cx="331199" cy="313457"/>
          </a:xfrm>
          <a:prstGeom prst="rect">
            <a:avLst/>
          </a:prstGeom>
        </p:spPr>
      </p:pic>
      <p:pic>
        <p:nvPicPr>
          <p:cNvPr id="24" name="Graphic 23">
            <a:extLst>
              <a:ext uri="{FF2B5EF4-FFF2-40B4-BE49-F238E27FC236}">
                <a16:creationId xmlns:a16="http://schemas.microsoft.com/office/drawing/2014/main" id="{21020A44-44B6-E2A3-1B13-F2652353CF9A}"/>
              </a:ext>
            </a:extLst>
          </p:cNvPr>
          <p:cNvPicPr>
            <a:picLocks noChangeAspect="1"/>
          </p:cNvPicPr>
          <p:nvPr/>
        </p:nvPicPr>
        <p:blipFill>
          <a:blip r:embed="rId16" cstate="screen">
            <a:extLst>
              <a:ext uri="{28A0092B-C50C-407E-A947-70E740481C1C}">
                <a14:useLocalDpi xmlns:a14="http://schemas.microsoft.com/office/drawing/2010/main"/>
              </a:ext>
              <a:ext uri="{96DAC541-7B7A-43D3-8B79-37D633B846F1}">
                <asvg:svgBlip xmlns:asvg="http://schemas.microsoft.com/office/drawing/2016/SVG/main" r:embed="rId17"/>
              </a:ext>
            </a:extLst>
          </a:blip>
          <a:stretch>
            <a:fillRect/>
          </a:stretch>
        </p:blipFill>
        <p:spPr>
          <a:xfrm>
            <a:off x="10831299" y="1330653"/>
            <a:ext cx="331199" cy="277971"/>
          </a:xfrm>
          <a:prstGeom prst="rect">
            <a:avLst/>
          </a:prstGeom>
        </p:spPr>
      </p:pic>
      <p:pic>
        <p:nvPicPr>
          <p:cNvPr id="25" name="Graphic 24">
            <a:extLst>
              <a:ext uri="{FF2B5EF4-FFF2-40B4-BE49-F238E27FC236}">
                <a16:creationId xmlns:a16="http://schemas.microsoft.com/office/drawing/2014/main" id="{2E521E65-4BAE-94BB-EE11-DEBDAAEE3082}"/>
              </a:ext>
            </a:extLst>
          </p:cNvPr>
          <p:cNvPicPr>
            <a:picLocks noChangeAspect="1"/>
          </p:cNvPicPr>
          <p:nvPr/>
        </p:nvPicPr>
        <p:blipFill>
          <a:blip r:embed="rId18" cstate="screen">
            <a:extLst>
              <a:ext uri="{28A0092B-C50C-407E-A947-70E740481C1C}">
                <a14:useLocalDpi xmlns:a14="http://schemas.microsoft.com/office/drawing/2010/main"/>
              </a:ext>
              <a:ext uri="{96DAC541-7B7A-43D3-8B79-37D633B846F1}">
                <asvg:svgBlip xmlns:asvg="http://schemas.microsoft.com/office/drawing/2016/SVG/main" r:embed="rId19"/>
              </a:ext>
            </a:extLst>
          </a:blip>
          <a:stretch>
            <a:fillRect/>
          </a:stretch>
        </p:blipFill>
        <p:spPr>
          <a:xfrm>
            <a:off x="11581393" y="1304039"/>
            <a:ext cx="331199" cy="331199"/>
          </a:xfrm>
          <a:prstGeom prst="rect">
            <a:avLst/>
          </a:prstGeom>
        </p:spPr>
      </p:pic>
      <p:pic>
        <p:nvPicPr>
          <p:cNvPr id="17" name="Graphic 16">
            <a:extLst>
              <a:ext uri="{FF2B5EF4-FFF2-40B4-BE49-F238E27FC236}">
                <a16:creationId xmlns:a16="http://schemas.microsoft.com/office/drawing/2014/main" id="{2BB26C21-FFCF-5D7C-C828-629C3EBCE9A9}"/>
              </a:ext>
            </a:extLst>
          </p:cNvPr>
          <p:cNvPicPr>
            <a:picLocks noChangeAspect="1"/>
          </p:cNvPicPr>
          <p:nvPr/>
        </p:nvPicPr>
        <p:blipFill>
          <a:blip r:embed="rId20">
            <a:extLst>
              <a:ext uri="{96DAC541-7B7A-43D3-8B79-37D633B846F1}">
                <asvg:svgBlip xmlns:asvg="http://schemas.microsoft.com/office/drawing/2016/SVG/main" r:embed="rId21"/>
              </a:ext>
            </a:extLst>
          </a:blip>
          <a:stretch>
            <a:fillRect/>
          </a:stretch>
        </p:blipFill>
        <p:spPr>
          <a:xfrm>
            <a:off x="10845602" y="294821"/>
            <a:ext cx="1070016" cy="199686"/>
          </a:xfrm>
          <a:prstGeom prst="rect">
            <a:avLst/>
          </a:prstGeom>
        </p:spPr>
      </p:pic>
      <p:sp>
        <p:nvSpPr>
          <p:cNvPr id="26" name="TextBox 25">
            <a:extLst>
              <a:ext uri="{FF2B5EF4-FFF2-40B4-BE49-F238E27FC236}">
                <a16:creationId xmlns:a16="http://schemas.microsoft.com/office/drawing/2014/main" id="{5EB389E4-1948-6562-B9F5-225A73598BEB}"/>
              </a:ext>
            </a:extLst>
          </p:cNvPr>
          <p:cNvSpPr txBox="1"/>
          <p:nvPr/>
        </p:nvSpPr>
        <p:spPr>
          <a:xfrm>
            <a:off x="198287" y="6272654"/>
            <a:ext cx="3657600" cy="428322"/>
          </a:xfrm>
          <a:prstGeom prst="rect">
            <a:avLst/>
          </a:prstGeom>
          <a:solidFill>
            <a:schemeClr val="tx1">
              <a:alpha val="50000"/>
            </a:schemeClr>
          </a:solidFill>
        </p:spPr>
        <p:txBody>
          <a:bodyPr wrap="square" anchor="ctr">
            <a:spAutoFit/>
          </a:bodyPr>
          <a:lstStyle>
            <a:defPPr>
              <a:defRPr lang="en-US"/>
            </a:defPPr>
            <a:lvl1pPr marR="0" lvl="0" indent="0" fontAlgn="auto">
              <a:lnSpc>
                <a:spcPct val="100000"/>
              </a:lnSpc>
              <a:spcAft>
                <a:spcPts val="100"/>
              </a:spcAft>
              <a:buClrTx/>
              <a:buSzTx/>
              <a:buFontTx/>
              <a:buNone/>
              <a:tabLst/>
              <a:defRPr kumimoji="0" sz="1050" b="1" i="0" u="none" strike="noStrike" cap="none" spc="0" normalizeH="0" baseline="0">
                <a:ln>
                  <a:noFill/>
                </a:ln>
                <a:solidFill>
                  <a:schemeClr val="bg1"/>
                </a:solidFill>
                <a:effectLst/>
                <a:uLnTx/>
                <a:uFillTx/>
                <a:ea typeface="Roboto" panose="02000000000000000000" pitchFamily="2" charset="0"/>
                <a:cs typeface="Roboto" panose="02000000000000000000" pitchFamily="2" charset="0"/>
              </a:defRPr>
            </a:lvl1pPr>
          </a:lstStyle>
          <a:p>
            <a:r>
              <a:rPr lang="en-US" dirty="0"/>
              <a:t>DAREN HARBER   |   SR. VICE PRESIDENT, MANAGED SERVICES </a:t>
            </a:r>
          </a:p>
          <a:p>
            <a:r>
              <a:rPr lang="en-US" dirty="0">
                <a:hlinkClick r:id="rId22">
                  <a:extLst>
                    <a:ext uri="{A12FA001-AC4F-418D-AE19-62706E023703}">
                      <ahyp:hlinkClr xmlns:ahyp="http://schemas.microsoft.com/office/drawing/2018/hyperlinkcolor" val="tx"/>
                    </a:ext>
                  </a:extLst>
                </a:hlinkClick>
              </a:rPr>
              <a:t>Daren.Harber@aptaracorp.com</a:t>
            </a:r>
            <a:r>
              <a:rPr lang="en-US" dirty="0"/>
              <a:t>  |  m: +1.703.389.5524</a:t>
            </a:r>
          </a:p>
        </p:txBody>
      </p:sp>
      <p:cxnSp>
        <p:nvCxnSpPr>
          <p:cNvPr id="30" name="Straight Connector 29">
            <a:extLst>
              <a:ext uri="{FF2B5EF4-FFF2-40B4-BE49-F238E27FC236}">
                <a16:creationId xmlns:a16="http://schemas.microsoft.com/office/drawing/2014/main" id="{BF272C75-5D8F-520D-D1FD-1026A7B31671}"/>
              </a:ext>
            </a:extLst>
          </p:cNvPr>
          <p:cNvCxnSpPr>
            <a:cxnSpLocks/>
          </p:cNvCxnSpPr>
          <p:nvPr/>
        </p:nvCxnSpPr>
        <p:spPr>
          <a:xfrm>
            <a:off x="198287" y="6272654"/>
            <a:ext cx="3657600" cy="0"/>
          </a:xfrm>
          <a:prstGeom prst="line">
            <a:avLst/>
          </a:prstGeom>
          <a:ln>
            <a:solidFill>
              <a:schemeClr val="bg1"/>
            </a:solidFill>
          </a:ln>
        </p:spPr>
        <p:style>
          <a:lnRef idx="1">
            <a:schemeClr val="accent1"/>
          </a:lnRef>
          <a:fillRef idx="0">
            <a:schemeClr val="accent1"/>
          </a:fillRef>
          <a:effectRef idx="0">
            <a:schemeClr val="accent1"/>
          </a:effectRef>
          <a:fontRef idx="minor">
            <a:schemeClr val="tx1"/>
          </a:fontRef>
        </p:style>
      </p:cxnSp>
      <p:pic>
        <p:nvPicPr>
          <p:cNvPr id="37" name="Graphic 36">
            <a:extLst>
              <a:ext uri="{FF2B5EF4-FFF2-40B4-BE49-F238E27FC236}">
                <a16:creationId xmlns:a16="http://schemas.microsoft.com/office/drawing/2014/main" id="{B33D289A-EB5B-331C-58AC-36946037B207}"/>
              </a:ext>
            </a:extLst>
          </p:cNvPr>
          <p:cNvPicPr>
            <a:picLocks noChangeAspect="1"/>
          </p:cNvPicPr>
          <p:nvPr/>
        </p:nvPicPr>
        <p:blipFill>
          <a:blip r:embed="rId23">
            <a:extLst>
              <a:ext uri="{28A0092B-C50C-407E-A947-70E740481C1C}">
                <a14:useLocalDpi xmlns:a14="http://schemas.microsoft.com/office/drawing/2010/main" val="0"/>
              </a:ext>
              <a:ext uri="{96DAC541-7B7A-43D3-8B79-37D633B846F1}">
                <asvg:svgBlip xmlns:asvg="http://schemas.microsoft.com/office/drawing/2016/SVG/main" r:embed="rId24"/>
              </a:ext>
            </a:extLst>
          </a:blip>
          <a:stretch>
            <a:fillRect/>
          </a:stretch>
        </p:blipFill>
        <p:spPr>
          <a:xfrm>
            <a:off x="3478310" y="1239052"/>
            <a:ext cx="987181" cy="408755"/>
          </a:xfrm>
          <a:prstGeom prst="rect">
            <a:avLst/>
          </a:prstGeom>
        </p:spPr>
      </p:pic>
    </p:spTree>
    <p:extLst>
      <p:ext uri="{BB962C8B-B14F-4D97-AF65-F5344CB8AC3E}">
        <p14:creationId xmlns:p14="http://schemas.microsoft.com/office/powerpoint/2010/main" val="3642137256"/>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 name="Rectangle: Top Corners Rounded 12">
            <a:extLst>
              <a:ext uri="{FF2B5EF4-FFF2-40B4-BE49-F238E27FC236}">
                <a16:creationId xmlns:a16="http://schemas.microsoft.com/office/drawing/2014/main" id="{808C645C-639B-6C63-21A2-683972589460}"/>
              </a:ext>
            </a:extLst>
          </p:cNvPr>
          <p:cNvSpPr/>
          <p:nvPr/>
        </p:nvSpPr>
        <p:spPr>
          <a:xfrm>
            <a:off x="574344" y="5411546"/>
            <a:ext cx="1480598" cy="432919"/>
          </a:xfrm>
          <a:prstGeom prst="round2SameRect">
            <a:avLst>
              <a:gd name="adj1" fmla="val 15279"/>
              <a:gd name="adj2" fmla="val 17939"/>
            </a:avLst>
          </a:prstGeom>
          <a:solidFill>
            <a:schemeClr val="bg1"/>
          </a:solidFill>
          <a:ln>
            <a:solidFill>
              <a:schemeClr val="bg1">
                <a:lumMod val="85000"/>
              </a:schemeClr>
            </a:solidFill>
          </a:ln>
          <a:effectLst>
            <a:outerShdw blurRad="50800" dist="38100" dir="2700000" algn="tl" rotWithShape="0">
              <a:prstClr val="black">
                <a:alpha val="1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sz="1400"/>
          </a:p>
        </p:txBody>
      </p:sp>
      <p:sp>
        <p:nvSpPr>
          <p:cNvPr id="5" name="Rectangle 4">
            <a:extLst>
              <a:ext uri="{FF2B5EF4-FFF2-40B4-BE49-F238E27FC236}">
                <a16:creationId xmlns:a16="http://schemas.microsoft.com/office/drawing/2014/main" id="{0EEAE0C8-A78D-6773-2965-7B8ABCBC7BAC}"/>
              </a:ext>
            </a:extLst>
          </p:cNvPr>
          <p:cNvSpPr/>
          <p:nvPr/>
        </p:nvSpPr>
        <p:spPr>
          <a:xfrm>
            <a:off x="6790310" y="1"/>
            <a:ext cx="5401690" cy="6858000"/>
          </a:xfrm>
          <a:prstGeom prst="rect">
            <a:avLst/>
          </a:prstGeom>
          <a:solidFill>
            <a:srgbClr val="0085BE"/>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2" name="Title 1">
            <a:extLst>
              <a:ext uri="{FF2B5EF4-FFF2-40B4-BE49-F238E27FC236}">
                <a16:creationId xmlns:a16="http://schemas.microsoft.com/office/drawing/2014/main" id="{2447EBAC-CFBA-8B81-4EB2-EDD4413595B3}"/>
              </a:ext>
            </a:extLst>
          </p:cNvPr>
          <p:cNvSpPr>
            <a:spLocks noGrp="1"/>
          </p:cNvSpPr>
          <p:nvPr>
            <p:ph type="title"/>
          </p:nvPr>
        </p:nvSpPr>
        <p:spPr/>
        <p:txBody>
          <a:bodyPr/>
          <a:lstStyle/>
          <a:p>
            <a:r>
              <a:rPr lang="en-US"/>
              <a:t>SALES EXCELLENCE SIMULATION</a:t>
            </a:r>
            <a:endParaRPr lang="en-IN"/>
          </a:p>
        </p:txBody>
      </p:sp>
      <p:sp>
        <p:nvSpPr>
          <p:cNvPr id="3" name="Content Placeholder 2">
            <a:extLst>
              <a:ext uri="{FF2B5EF4-FFF2-40B4-BE49-F238E27FC236}">
                <a16:creationId xmlns:a16="http://schemas.microsoft.com/office/drawing/2014/main" id="{81B63953-1DC3-C5E4-F518-48A6A5C185F0}"/>
              </a:ext>
            </a:extLst>
          </p:cNvPr>
          <p:cNvSpPr>
            <a:spLocks noGrp="1"/>
          </p:cNvSpPr>
          <p:nvPr>
            <p:ph idx="1"/>
          </p:nvPr>
        </p:nvSpPr>
        <p:spPr>
          <a:xfrm>
            <a:off x="533401" y="1229994"/>
            <a:ext cx="5652495" cy="4351338"/>
          </a:xfrm>
        </p:spPr>
        <p:txBody>
          <a:bodyPr vert="horz" lIns="91440" tIns="45720" rIns="91440" bIns="45720" rtlCol="0" anchor="t">
            <a:normAutofit lnSpcReduction="10000"/>
          </a:bodyPr>
          <a:lstStyle/>
          <a:p>
            <a:pPr marL="0" lvl="2" indent="0">
              <a:lnSpc>
                <a:spcPct val="100000"/>
              </a:lnSpc>
              <a:spcBef>
                <a:spcPts val="0"/>
              </a:spcBef>
              <a:buClr>
                <a:srgbClr val="00799E"/>
              </a:buClr>
              <a:buNone/>
            </a:pPr>
            <a:r>
              <a:rPr lang="en-US" sz="1400" b="1">
                <a:solidFill>
                  <a:srgbClr val="00799E"/>
                </a:solidFill>
                <a:latin typeface="+mj-lt"/>
                <a:ea typeface="Roboto" pitchFamily="2" charset="0"/>
                <a:cs typeface="+mj-cs"/>
              </a:rPr>
              <a:t>About: </a:t>
            </a:r>
            <a:r>
              <a:rPr lang="en-US" sz="1400">
                <a:solidFill>
                  <a:srgbClr val="404040"/>
                </a:solidFill>
                <a:latin typeface="+mj-lt"/>
                <a:ea typeface="Roboto" pitchFamily="2" charset="0"/>
              </a:rPr>
              <a:t>A simulation game to improve the selling skills of the sales team in the most engaging way.</a:t>
            </a:r>
          </a:p>
          <a:p>
            <a:pPr marL="0" lvl="2" indent="0">
              <a:lnSpc>
                <a:spcPct val="100000"/>
              </a:lnSpc>
              <a:spcBef>
                <a:spcPts val="0"/>
              </a:spcBef>
              <a:buClr>
                <a:srgbClr val="00799E"/>
              </a:buClr>
              <a:buNone/>
            </a:pPr>
            <a:endParaRPr lang="en-US" sz="1400" b="1">
              <a:solidFill>
                <a:srgbClr val="00799E"/>
              </a:solidFill>
              <a:latin typeface="+mj-lt"/>
              <a:ea typeface="Roboto" pitchFamily="2" charset="0"/>
              <a:cs typeface="+mj-cs"/>
            </a:endParaRPr>
          </a:p>
          <a:p>
            <a:pPr marL="0" lvl="2" indent="0">
              <a:lnSpc>
                <a:spcPct val="100000"/>
              </a:lnSpc>
              <a:spcBef>
                <a:spcPts val="0"/>
              </a:spcBef>
              <a:buClr>
                <a:srgbClr val="00799E"/>
              </a:buClr>
              <a:buNone/>
            </a:pPr>
            <a:r>
              <a:rPr lang="en-US" sz="1400" b="1">
                <a:solidFill>
                  <a:srgbClr val="00799E"/>
                </a:solidFill>
                <a:latin typeface="+mj-lt"/>
                <a:ea typeface="Roboto" pitchFamily="2" charset="0"/>
                <a:cs typeface="+mj-cs"/>
              </a:rPr>
              <a:t>Design highlights: </a:t>
            </a:r>
          </a:p>
          <a:p>
            <a:pPr marL="0" lvl="2" indent="0">
              <a:lnSpc>
                <a:spcPct val="100000"/>
              </a:lnSpc>
              <a:spcBef>
                <a:spcPts val="0"/>
              </a:spcBef>
              <a:buClr>
                <a:srgbClr val="00799E"/>
              </a:buClr>
              <a:buNone/>
            </a:pPr>
            <a:endParaRPr lang="en-US" sz="1400">
              <a:solidFill>
                <a:srgbClr val="404040"/>
              </a:solidFill>
              <a:latin typeface="+mj-lt"/>
              <a:ea typeface="Roboto" pitchFamily="2" charset="0"/>
            </a:endParaRPr>
          </a:p>
          <a:p>
            <a:pPr marL="285750" lvl="2" indent="-285750">
              <a:lnSpc>
                <a:spcPct val="100000"/>
              </a:lnSpc>
              <a:spcBef>
                <a:spcPts val="0"/>
              </a:spcBef>
              <a:buClr>
                <a:srgbClr val="00799E"/>
              </a:buClr>
            </a:pPr>
            <a:r>
              <a:rPr lang="en-US" sz="1400">
                <a:solidFill>
                  <a:srgbClr val="404040"/>
                </a:solidFill>
                <a:latin typeface="+mj-lt"/>
                <a:ea typeface="Roboto" pitchFamily="2" charset="0"/>
              </a:rPr>
              <a:t>Various modules to assess the learner’s ability to apply sales strategies </a:t>
            </a:r>
          </a:p>
          <a:p>
            <a:pPr marL="285750" lvl="2" indent="-285750">
              <a:lnSpc>
                <a:spcPct val="100000"/>
              </a:lnSpc>
              <a:spcBef>
                <a:spcPts val="0"/>
              </a:spcBef>
              <a:buClr>
                <a:srgbClr val="00799E"/>
              </a:buClr>
            </a:pPr>
            <a:r>
              <a:rPr lang="en-US" sz="1400">
                <a:solidFill>
                  <a:srgbClr val="404040"/>
                </a:solidFill>
                <a:latin typeface="+mj-lt"/>
                <a:ea typeface="Roboto" pitchFamily="2" charset="0"/>
              </a:rPr>
              <a:t>Adaptive pathways (based on the learner performance) to drive the learning journey</a:t>
            </a:r>
          </a:p>
          <a:p>
            <a:pPr marL="285750" lvl="2" indent="-285750">
              <a:lnSpc>
                <a:spcPct val="100000"/>
              </a:lnSpc>
              <a:spcBef>
                <a:spcPts val="0"/>
              </a:spcBef>
              <a:buClr>
                <a:srgbClr val="00799E"/>
              </a:buClr>
            </a:pPr>
            <a:r>
              <a:rPr lang="en-US" sz="1400">
                <a:solidFill>
                  <a:srgbClr val="404040"/>
                </a:solidFill>
                <a:latin typeface="+mj-lt"/>
                <a:ea typeface="Roboto" pitchFamily="2" charset="0"/>
              </a:rPr>
              <a:t>The content was presented as interactive role-playing scenarios</a:t>
            </a:r>
          </a:p>
          <a:p>
            <a:pPr marL="285750" lvl="2" indent="-285750">
              <a:lnSpc>
                <a:spcPct val="100000"/>
              </a:lnSpc>
              <a:spcBef>
                <a:spcPts val="0"/>
              </a:spcBef>
              <a:buClr>
                <a:srgbClr val="00799E"/>
              </a:buClr>
            </a:pPr>
            <a:r>
              <a:rPr lang="en-US" sz="1400">
                <a:solidFill>
                  <a:srgbClr val="404040"/>
                </a:solidFill>
                <a:latin typeface="+mj-lt"/>
                <a:ea typeface="Roboto" pitchFamily="2" charset="0"/>
              </a:rPr>
              <a:t>The learners were required to perform a variety of tasks, such as, analyzing financial documents, LinkedIn profiles, observing sales interaction, stating their observations, or making decisions in a simulated environment</a:t>
            </a:r>
          </a:p>
          <a:p>
            <a:pPr marL="285750" lvl="2" indent="-285750">
              <a:lnSpc>
                <a:spcPct val="100000"/>
              </a:lnSpc>
              <a:spcBef>
                <a:spcPts val="0"/>
              </a:spcBef>
              <a:buClr>
                <a:srgbClr val="00799E"/>
              </a:buClr>
            </a:pPr>
            <a:r>
              <a:rPr lang="en-US" sz="1400">
                <a:solidFill>
                  <a:srgbClr val="404040"/>
                </a:solidFill>
                <a:latin typeface="+mj-lt"/>
                <a:ea typeface="Roboto" pitchFamily="2" charset="0"/>
              </a:rPr>
              <a:t>Personalized experience</a:t>
            </a:r>
          </a:p>
          <a:p>
            <a:pPr marL="285750" lvl="2" indent="-285750">
              <a:lnSpc>
                <a:spcPct val="100000"/>
              </a:lnSpc>
              <a:spcBef>
                <a:spcPts val="0"/>
              </a:spcBef>
              <a:buClr>
                <a:srgbClr val="00799E"/>
              </a:buClr>
            </a:pPr>
            <a:r>
              <a:rPr lang="en-US" sz="1400">
                <a:solidFill>
                  <a:srgbClr val="404040"/>
                </a:solidFill>
                <a:latin typeface="+mj-lt"/>
                <a:ea typeface="Roboto" pitchFamily="2" charset="0"/>
              </a:rPr>
              <a:t>Opportunity to experience real-world applications</a:t>
            </a:r>
          </a:p>
          <a:p>
            <a:pPr marL="285750" lvl="2" indent="-285750">
              <a:lnSpc>
                <a:spcPct val="100000"/>
              </a:lnSpc>
              <a:spcBef>
                <a:spcPts val="0"/>
              </a:spcBef>
              <a:buClr>
                <a:srgbClr val="00799E"/>
              </a:buClr>
            </a:pPr>
            <a:r>
              <a:rPr lang="en-US" sz="1400">
                <a:solidFill>
                  <a:srgbClr val="404040"/>
                </a:solidFill>
                <a:latin typeface="+mj-lt"/>
                <a:ea typeface="Roboto" pitchFamily="2" charset="0"/>
              </a:rPr>
              <a:t>Real-time feedback and low on cognitive load</a:t>
            </a:r>
          </a:p>
          <a:p>
            <a:pPr marL="285750" lvl="2" indent="-285750">
              <a:lnSpc>
                <a:spcPct val="100000"/>
              </a:lnSpc>
              <a:spcBef>
                <a:spcPts val="0"/>
              </a:spcBef>
              <a:buClr>
                <a:srgbClr val="00799E"/>
              </a:buClr>
            </a:pPr>
            <a:r>
              <a:rPr lang="en-US" sz="1400">
                <a:solidFill>
                  <a:srgbClr val="404040"/>
                </a:solidFill>
                <a:latin typeface="+mj-lt"/>
                <a:ea typeface="Roboto"/>
              </a:rPr>
              <a:t>Built using – Custom HTML5</a:t>
            </a:r>
            <a:endParaRPr lang="en-US" sz="1400">
              <a:solidFill>
                <a:srgbClr val="404040"/>
              </a:solidFill>
              <a:latin typeface="+mj-lt"/>
              <a:ea typeface="Roboto"/>
              <a:cs typeface="Calibri Light"/>
            </a:endParaRPr>
          </a:p>
          <a:p>
            <a:pPr marL="285750" lvl="2" indent="-285750">
              <a:lnSpc>
                <a:spcPct val="100000"/>
              </a:lnSpc>
              <a:spcBef>
                <a:spcPts val="0"/>
              </a:spcBef>
              <a:buClr>
                <a:srgbClr val="00799E"/>
              </a:buClr>
            </a:pPr>
            <a:endParaRPr lang="en-US" sz="1400">
              <a:solidFill>
                <a:srgbClr val="404040"/>
              </a:solidFill>
              <a:latin typeface="+mj-lt"/>
              <a:ea typeface="Roboto" pitchFamily="2" charset="0"/>
            </a:endParaRPr>
          </a:p>
          <a:p>
            <a:pPr marL="0" lvl="2" indent="0">
              <a:lnSpc>
                <a:spcPct val="100000"/>
              </a:lnSpc>
              <a:spcBef>
                <a:spcPts val="0"/>
              </a:spcBef>
              <a:buClr>
                <a:srgbClr val="00799E"/>
              </a:buClr>
              <a:buNone/>
            </a:pPr>
            <a:r>
              <a:rPr lang="en-US" sz="1400">
                <a:solidFill>
                  <a:srgbClr val="404040"/>
                </a:solidFill>
                <a:latin typeface="+mj-lt"/>
                <a:ea typeface="Roboto" pitchFamily="2" charset="0"/>
              </a:rPr>
              <a:t>In 2017, the client and Aptara, won a Brandon Hall Gold Award for:</a:t>
            </a:r>
          </a:p>
          <a:p>
            <a:pPr marL="0" lvl="2" indent="0">
              <a:lnSpc>
                <a:spcPct val="100000"/>
              </a:lnSpc>
              <a:spcBef>
                <a:spcPts val="0"/>
              </a:spcBef>
              <a:buClr>
                <a:srgbClr val="00799E"/>
              </a:buClr>
              <a:buNone/>
            </a:pPr>
            <a:r>
              <a:rPr lang="en-US" sz="1400">
                <a:solidFill>
                  <a:srgbClr val="404040"/>
                </a:solidFill>
                <a:latin typeface="+mj-lt"/>
                <a:ea typeface="Roboto" pitchFamily="2" charset="0"/>
              </a:rPr>
              <a:t>Best Use of Games and Simulations for Learning</a:t>
            </a:r>
          </a:p>
          <a:p>
            <a:pPr marL="285750" lvl="2" indent="-285750">
              <a:lnSpc>
                <a:spcPct val="100000"/>
              </a:lnSpc>
              <a:spcBef>
                <a:spcPts val="0"/>
              </a:spcBef>
              <a:buClr>
                <a:srgbClr val="00799E"/>
              </a:buClr>
            </a:pPr>
            <a:endParaRPr lang="en-US" sz="1400">
              <a:solidFill>
                <a:srgbClr val="404040"/>
              </a:solidFill>
              <a:latin typeface="+mj-lt"/>
              <a:ea typeface="Roboto" pitchFamily="2" charset="0"/>
            </a:endParaRPr>
          </a:p>
          <a:p>
            <a:pPr marL="0" lvl="2" indent="0">
              <a:lnSpc>
                <a:spcPct val="100000"/>
              </a:lnSpc>
              <a:spcBef>
                <a:spcPts val="0"/>
              </a:spcBef>
              <a:buClr>
                <a:srgbClr val="00799E"/>
              </a:buClr>
              <a:buNone/>
            </a:pPr>
            <a:endParaRPr lang="en-US" sz="1400" b="1">
              <a:solidFill>
                <a:srgbClr val="00799E"/>
              </a:solidFill>
              <a:latin typeface="+mj-lt"/>
              <a:ea typeface="Roboto" pitchFamily="2" charset="0"/>
              <a:cs typeface="+mj-cs"/>
            </a:endParaRPr>
          </a:p>
        </p:txBody>
      </p:sp>
      <p:sp>
        <p:nvSpPr>
          <p:cNvPr id="9" name="Slide Number Placeholder 5">
            <a:extLst>
              <a:ext uri="{FF2B5EF4-FFF2-40B4-BE49-F238E27FC236}">
                <a16:creationId xmlns:a16="http://schemas.microsoft.com/office/drawing/2014/main" id="{E681DE4A-070B-D960-7DD3-C06BF6C2F67F}"/>
              </a:ext>
            </a:extLst>
          </p:cNvPr>
          <p:cNvSpPr txBox="1">
            <a:spLocks/>
          </p:cNvSpPr>
          <p:nvPr/>
        </p:nvSpPr>
        <p:spPr>
          <a:xfrm>
            <a:off x="9349506" y="6439476"/>
            <a:ext cx="2743200" cy="365125"/>
          </a:xfrm>
          <a:prstGeom prst="rect">
            <a:avLst/>
          </a:prstGeom>
        </p:spPr>
        <p:txBody>
          <a:bodyPr vert="horz" lIns="91440" tIns="45720" rIns="91440" bIns="45720" rtlCol="0" anchor="ctr"/>
          <a:lstStyle>
            <a:defPPr>
              <a:defRPr lang="en-US"/>
            </a:defPPr>
            <a:lvl1pPr marL="0" algn="r" defTabSz="914400" rtl="0" eaLnBrk="1" latinLnBrk="0" hangingPunct="1">
              <a:defRPr sz="1200" kern="1200">
                <a:solidFill>
                  <a:schemeClr val="tx1">
                    <a:tint val="75000"/>
                  </a:schemeClr>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77068464-4C8E-431E-87E4-567733A7CD2F}" type="slidenum">
              <a:rPr lang="en-IN" sz="1000" smtClean="0">
                <a:solidFill>
                  <a:schemeClr val="bg1"/>
                </a:solidFill>
              </a:rPr>
              <a:pPr/>
              <a:t>10</a:t>
            </a:fld>
            <a:endParaRPr lang="en-IN" sz="1000">
              <a:solidFill>
                <a:schemeClr val="bg1"/>
              </a:solidFill>
            </a:endParaRPr>
          </a:p>
        </p:txBody>
      </p:sp>
      <p:sp>
        <p:nvSpPr>
          <p:cNvPr id="16" name="TextBox 15">
            <a:extLst>
              <a:ext uri="{FF2B5EF4-FFF2-40B4-BE49-F238E27FC236}">
                <a16:creationId xmlns:a16="http://schemas.microsoft.com/office/drawing/2014/main" id="{910D5A34-7ABF-82CF-F0FA-2B5E5B3D4D0E}"/>
              </a:ext>
            </a:extLst>
          </p:cNvPr>
          <p:cNvSpPr txBox="1"/>
          <p:nvPr/>
        </p:nvSpPr>
        <p:spPr>
          <a:xfrm>
            <a:off x="704271" y="5489506"/>
            <a:ext cx="1220745" cy="276999"/>
          </a:xfrm>
          <a:prstGeom prst="rect">
            <a:avLst/>
          </a:prstGeom>
          <a:noFill/>
        </p:spPr>
        <p:txBody>
          <a:bodyPr wrap="square">
            <a:spAutoFit/>
          </a:bodyPr>
          <a:lstStyle/>
          <a:p>
            <a:pPr marL="0" lvl="2" indent="0" algn="ctr">
              <a:lnSpc>
                <a:spcPct val="100000"/>
              </a:lnSpc>
              <a:spcBef>
                <a:spcPts val="1800"/>
              </a:spcBef>
              <a:buClr>
                <a:srgbClr val="00799E"/>
              </a:buClr>
              <a:buNone/>
            </a:pPr>
            <a:r>
              <a:rPr lang="en-US" sz="1200" b="1">
                <a:solidFill>
                  <a:srgbClr val="404040"/>
                </a:solidFill>
                <a:ea typeface="Roboto" pitchFamily="2" charset="0"/>
                <a:hlinkClick r:id="rId2"/>
              </a:rPr>
              <a:t>View Demo</a:t>
            </a:r>
            <a:endParaRPr lang="en-US" sz="1200" b="1">
              <a:solidFill>
                <a:srgbClr val="404040"/>
              </a:solidFill>
              <a:ea typeface="Roboto" pitchFamily="2" charset="0"/>
            </a:endParaRPr>
          </a:p>
        </p:txBody>
      </p:sp>
      <p:pic>
        <p:nvPicPr>
          <p:cNvPr id="19" name="Picture 18" descr="A black background with white lines&#10;&#10;Description automatically generated">
            <a:extLst>
              <a:ext uri="{FF2B5EF4-FFF2-40B4-BE49-F238E27FC236}">
                <a16:creationId xmlns:a16="http://schemas.microsoft.com/office/drawing/2014/main" id="{8E282A8C-FEA1-6E5C-7F97-67486D5B8709}"/>
              </a:ext>
            </a:extLst>
          </p:cNvPr>
          <p:cNvPicPr>
            <a:picLocks noChangeAspect="1"/>
          </p:cNvPicPr>
          <p:nvPr/>
        </p:nvPicPr>
        <p:blipFill>
          <a:blip r:embed="rId3">
            <a:extLst>
              <a:ext uri="{28A0092B-C50C-407E-A947-70E740481C1C}">
                <a14:useLocalDpi xmlns:a14="http://schemas.microsoft.com/office/drawing/2010/main"/>
              </a:ext>
            </a:extLst>
          </a:blip>
          <a:stretch>
            <a:fillRect/>
          </a:stretch>
        </p:blipFill>
        <p:spPr>
          <a:xfrm>
            <a:off x="6790571" y="0"/>
            <a:ext cx="5401429" cy="6811326"/>
          </a:xfrm>
          <a:prstGeom prst="rect">
            <a:avLst/>
          </a:prstGeom>
        </p:spPr>
      </p:pic>
      <p:pic>
        <p:nvPicPr>
          <p:cNvPr id="20" name="Picture 19" descr="A close-up of a computer&#10;&#10;Description automatically generated">
            <a:extLst>
              <a:ext uri="{FF2B5EF4-FFF2-40B4-BE49-F238E27FC236}">
                <a16:creationId xmlns:a16="http://schemas.microsoft.com/office/drawing/2014/main" id="{FDF9B7FC-70DA-927B-C741-D5CBAEE208A1}"/>
              </a:ext>
            </a:extLst>
          </p:cNvPr>
          <p:cNvPicPr>
            <a:picLocks noChangeAspect="1"/>
          </p:cNvPicPr>
          <p:nvPr/>
        </p:nvPicPr>
        <p:blipFill>
          <a:blip r:embed="rId4" cstate="screen">
            <a:extLst>
              <a:ext uri="{28A0092B-C50C-407E-A947-70E740481C1C}">
                <a14:useLocalDpi xmlns:a14="http://schemas.microsoft.com/office/drawing/2010/main"/>
              </a:ext>
            </a:extLst>
          </a:blip>
          <a:stretch>
            <a:fillRect/>
          </a:stretch>
        </p:blipFill>
        <p:spPr>
          <a:xfrm>
            <a:off x="6907257" y="1620909"/>
            <a:ext cx="5167796" cy="3197660"/>
          </a:xfrm>
          <a:prstGeom prst="rect">
            <a:avLst/>
          </a:prstGeom>
        </p:spPr>
      </p:pic>
      <p:sp>
        <p:nvSpPr>
          <p:cNvPr id="21" name="Rectangle 20">
            <a:extLst>
              <a:ext uri="{FF2B5EF4-FFF2-40B4-BE49-F238E27FC236}">
                <a16:creationId xmlns:a16="http://schemas.microsoft.com/office/drawing/2014/main" id="{C7CD70D2-8A8B-037C-89B8-54B44FD8CD42}"/>
              </a:ext>
            </a:extLst>
          </p:cNvPr>
          <p:cNvSpPr/>
          <p:nvPr/>
        </p:nvSpPr>
        <p:spPr>
          <a:xfrm>
            <a:off x="7518400" y="1988806"/>
            <a:ext cx="3952240" cy="2471434"/>
          </a:xfrm>
          <a:prstGeom prst="rect">
            <a:avLst/>
          </a:prstGeom>
          <a:solidFill>
            <a:schemeClr val="tx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pic>
        <p:nvPicPr>
          <p:cNvPr id="22" name="Picture 4">
            <a:extLst>
              <a:ext uri="{FF2B5EF4-FFF2-40B4-BE49-F238E27FC236}">
                <a16:creationId xmlns:a16="http://schemas.microsoft.com/office/drawing/2014/main" id="{18D1FBCC-0615-56BD-D780-7A7CA321F7D4}"/>
              </a:ext>
            </a:extLst>
          </p:cNvPr>
          <p:cNvPicPr>
            <a:picLocks noChangeAspect="1" noChangeArrowheads="1"/>
          </p:cNvPicPr>
          <p:nvPr/>
        </p:nvPicPr>
        <p:blipFill>
          <a:blip r:embed="rId5">
            <a:extLst>
              <a:ext uri="{28A0092B-C50C-407E-A947-70E740481C1C}">
                <a14:useLocalDpi xmlns:a14="http://schemas.microsoft.com/office/drawing/2010/main" val="0"/>
              </a:ext>
            </a:extLst>
          </a:blip>
          <a:srcRect l="13145" r="13145"/>
          <a:stretch/>
        </p:blipFill>
        <p:spPr bwMode="auto">
          <a:xfrm>
            <a:off x="7585914" y="1977231"/>
            <a:ext cx="3824414" cy="2508547"/>
          </a:xfrm>
          <a:prstGeom prst="roundRect">
            <a:avLst>
              <a:gd name="adj" fmla="val 1983"/>
            </a:avLst>
          </a:prstGeom>
        </p:spPr>
      </p:pic>
      <p:pic>
        <p:nvPicPr>
          <p:cNvPr id="4" name="Graphic 3">
            <a:extLst>
              <a:ext uri="{FF2B5EF4-FFF2-40B4-BE49-F238E27FC236}">
                <a16:creationId xmlns:a16="http://schemas.microsoft.com/office/drawing/2014/main" id="{652F0DBE-87DC-9536-5B37-8A5D8D47E092}"/>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10845602" y="294821"/>
            <a:ext cx="1070016" cy="199686"/>
          </a:xfrm>
          <a:prstGeom prst="rect">
            <a:avLst/>
          </a:prstGeom>
        </p:spPr>
      </p:pic>
    </p:spTree>
    <p:extLst>
      <p:ext uri="{BB962C8B-B14F-4D97-AF65-F5344CB8AC3E}">
        <p14:creationId xmlns:p14="http://schemas.microsoft.com/office/powerpoint/2010/main" val="109459492"/>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8" name="Title 1">
            <a:extLst>
              <a:ext uri="{FF2B5EF4-FFF2-40B4-BE49-F238E27FC236}">
                <a16:creationId xmlns:a16="http://schemas.microsoft.com/office/drawing/2014/main" id="{EF62E507-7BFA-F1A0-A235-E80AC4BA2A49}"/>
              </a:ext>
            </a:extLst>
          </p:cNvPr>
          <p:cNvSpPr txBox="1">
            <a:spLocks/>
          </p:cNvSpPr>
          <p:nvPr/>
        </p:nvSpPr>
        <p:spPr>
          <a:xfrm>
            <a:off x="533401" y="157024"/>
            <a:ext cx="10515600" cy="686003"/>
          </a:xfrm>
          <a:prstGeom prst="rect">
            <a:avLst/>
          </a:prstGeom>
        </p:spPr>
        <p:txBody>
          <a:bodyPr anchor="b"/>
          <a:lstStyle>
            <a:lvl1pPr algn="l" defTabSz="914400" rtl="0" eaLnBrk="1" latinLnBrk="0" hangingPunct="1">
              <a:lnSpc>
                <a:spcPct val="90000"/>
              </a:lnSpc>
              <a:spcBef>
                <a:spcPct val="0"/>
              </a:spcBef>
              <a:buNone/>
              <a:defRPr sz="2200" b="1" kern="1200">
                <a:solidFill>
                  <a:schemeClr val="tx1"/>
                </a:solidFill>
                <a:latin typeface="+mn-lt"/>
                <a:ea typeface="+mj-ea"/>
                <a:cs typeface="+mj-cs"/>
              </a:defRPr>
            </a:lvl1pPr>
          </a:lstStyle>
          <a:p>
            <a:r>
              <a:rPr lang="en-US"/>
              <a:t>SALES EXCELLENCE SIMULATION</a:t>
            </a:r>
            <a:endParaRPr lang="en-IN"/>
          </a:p>
        </p:txBody>
      </p:sp>
      <p:sp>
        <p:nvSpPr>
          <p:cNvPr id="41" name="Rectangle 40">
            <a:extLst>
              <a:ext uri="{FF2B5EF4-FFF2-40B4-BE49-F238E27FC236}">
                <a16:creationId xmlns:a16="http://schemas.microsoft.com/office/drawing/2014/main" id="{3B557CB6-F09A-CCB8-E6D3-0D0D4BCCBC74}"/>
              </a:ext>
            </a:extLst>
          </p:cNvPr>
          <p:cNvSpPr/>
          <p:nvPr/>
        </p:nvSpPr>
        <p:spPr>
          <a:xfrm>
            <a:off x="0" y="5555848"/>
            <a:ext cx="12192000" cy="1302151"/>
          </a:xfrm>
          <a:prstGeom prst="rect">
            <a:avLst/>
          </a:prstGeom>
          <a:solidFill>
            <a:srgbClr val="0085BE"/>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cxnSp>
        <p:nvCxnSpPr>
          <p:cNvPr id="2" name="Straight Connector 1">
            <a:extLst>
              <a:ext uri="{FF2B5EF4-FFF2-40B4-BE49-F238E27FC236}">
                <a16:creationId xmlns:a16="http://schemas.microsoft.com/office/drawing/2014/main" id="{C6B54651-D315-75D7-F118-4699B431683F}"/>
              </a:ext>
            </a:extLst>
          </p:cNvPr>
          <p:cNvCxnSpPr/>
          <p:nvPr/>
        </p:nvCxnSpPr>
        <p:spPr>
          <a:xfrm>
            <a:off x="625303" y="882907"/>
            <a:ext cx="640080" cy="0"/>
          </a:xfrm>
          <a:prstGeom prst="line">
            <a:avLst/>
          </a:prstGeom>
          <a:ln w="28575">
            <a:solidFill>
              <a:srgbClr val="0574B0"/>
            </a:solidFill>
          </a:ln>
        </p:spPr>
        <p:style>
          <a:lnRef idx="1">
            <a:schemeClr val="accent1"/>
          </a:lnRef>
          <a:fillRef idx="0">
            <a:schemeClr val="accent1"/>
          </a:fillRef>
          <a:effectRef idx="0">
            <a:schemeClr val="accent1"/>
          </a:effectRef>
          <a:fontRef idx="minor">
            <a:schemeClr val="tx1"/>
          </a:fontRef>
        </p:style>
      </p:cxnSp>
      <p:pic>
        <p:nvPicPr>
          <p:cNvPr id="3" name="Picture 2">
            <a:extLst>
              <a:ext uri="{FF2B5EF4-FFF2-40B4-BE49-F238E27FC236}">
                <a16:creationId xmlns:a16="http://schemas.microsoft.com/office/drawing/2014/main" id="{34C27D4E-599F-FDDE-99C6-3055D6815901}"/>
              </a:ext>
            </a:extLst>
          </p:cNvPr>
          <p:cNvPicPr/>
          <p:nvPr/>
        </p:nvPicPr>
        <p:blipFill rotWithShape="1">
          <a:blip r:embed="rId2">
            <a:extLst>
              <a:ext uri="{28A0092B-C50C-407E-A947-70E740481C1C}">
                <a14:useLocalDpi xmlns:a14="http://schemas.microsoft.com/office/drawing/2010/main" val="0"/>
              </a:ext>
            </a:extLst>
          </a:blip>
          <a:srcRect l="33" r="69"/>
          <a:stretch/>
        </p:blipFill>
        <p:spPr bwMode="auto">
          <a:xfrm>
            <a:off x="1659118" y="1205716"/>
            <a:ext cx="8870621" cy="5183509"/>
          </a:xfrm>
          <a:prstGeom prst="roundRect">
            <a:avLst>
              <a:gd name="adj" fmla="val 2930"/>
            </a:avLst>
          </a:prstGeom>
          <a:effectLst>
            <a:outerShdw blurRad="50800" dist="38100" dir="2700000" algn="tl" rotWithShape="0">
              <a:prstClr val="black">
                <a:alpha val="20000"/>
              </a:prstClr>
            </a:outerShdw>
          </a:effectLst>
        </p:spPr>
      </p:pic>
      <p:sp>
        <p:nvSpPr>
          <p:cNvPr id="7" name="Slide Number Placeholder 5">
            <a:extLst>
              <a:ext uri="{FF2B5EF4-FFF2-40B4-BE49-F238E27FC236}">
                <a16:creationId xmlns:a16="http://schemas.microsoft.com/office/drawing/2014/main" id="{919BF5BA-5284-0233-FE89-61F115CEA8AB}"/>
              </a:ext>
            </a:extLst>
          </p:cNvPr>
          <p:cNvSpPr txBox="1">
            <a:spLocks/>
          </p:cNvSpPr>
          <p:nvPr/>
        </p:nvSpPr>
        <p:spPr>
          <a:xfrm>
            <a:off x="9349506" y="6439476"/>
            <a:ext cx="2743200" cy="365125"/>
          </a:xfrm>
          <a:prstGeom prst="rect">
            <a:avLst/>
          </a:prstGeom>
        </p:spPr>
        <p:txBody>
          <a:bodyPr vert="horz" lIns="91440" tIns="45720" rIns="91440" bIns="45720" rtlCol="0" anchor="ctr"/>
          <a:lstStyle>
            <a:defPPr>
              <a:defRPr lang="en-US"/>
            </a:defPPr>
            <a:lvl1pPr marL="0" algn="r" defTabSz="914400" rtl="0" eaLnBrk="1" latinLnBrk="0" hangingPunct="1">
              <a:defRPr sz="1200" kern="1200">
                <a:solidFill>
                  <a:schemeClr val="tx1">
                    <a:tint val="75000"/>
                  </a:schemeClr>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77068464-4C8E-431E-87E4-567733A7CD2F}" type="slidenum">
              <a:rPr lang="en-IN" sz="1000" smtClean="0">
                <a:solidFill>
                  <a:schemeClr val="bg1"/>
                </a:solidFill>
              </a:rPr>
              <a:pPr/>
              <a:t>11</a:t>
            </a:fld>
            <a:endParaRPr lang="en-IN" sz="1000">
              <a:solidFill>
                <a:schemeClr val="bg1"/>
              </a:solidFill>
            </a:endParaRPr>
          </a:p>
        </p:txBody>
      </p:sp>
    </p:spTree>
    <p:extLst>
      <p:ext uri="{BB962C8B-B14F-4D97-AF65-F5344CB8AC3E}">
        <p14:creationId xmlns:p14="http://schemas.microsoft.com/office/powerpoint/2010/main" val="3860431184"/>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8" name="Title 1">
            <a:extLst>
              <a:ext uri="{FF2B5EF4-FFF2-40B4-BE49-F238E27FC236}">
                <a16:creationId xmlns:a16="http://schemas.microsoft.com/office/drawing/2014/main" id="{EF62E507-7BFA-F1A0-A235-E80AC4BA2A49}"/>
              </a:ext>
            </a:extLst>
          </p:cNvPr>
          <p:cNvSpPr txBox="1">
            <a:spLocks/>
          </p:cNvSpPr>
          <p:nvPr/>
        </p:nvSpPr>
        <p:spPr>
          <a:xfrm>
            <a:off x="533401" y="157024"/>
            <a:ext cx="10515600" cy="686003"/>
          </a:xfrm>
          <a:prstGeom prst="rect">
            <a:avLst/>
          </a:prstGeom>
        </p:spPr>
        <p:txBody>
          <a:bodyPr anchor="b"/>
          <a:lstStyle>
            <a:lvl1pPr algn="l" defTabSz="914400" rtl="0" eaLnBrk="1" latinLnBrk="0" hangingPunct="1">
              <a:lnSpc>
                <a:spcPct val="90000"/>
              </a:lnSpc>
              <a:spcBef>
                <a:spcPct val="0"/>
              </a:spcBef>
              <a:buNone/>
              <a:defRPr sz="2200" b="1" kern="1200">
                <a:solidFill>
                  <a:schemeClr val="tx1"/>
                </a:solidFill>
                <a:latin typeface="+mn-lt"/>
                <a:ea typeface="+mj-ea"/>
                <a:cs typeface="+mj-cs"/>
              </a:defRPr>
            </a:lvl1pPr>
          </a:lstStyle>
          <a:p>
            <a:r>
              <a:rPr lang="en-US"/>
              <a:t>SALES EXCELLENCE SIMULATION</a:t>
            </a:r>
            <a:endParaRPr lang="en-IN"/>
          </a:p>
        </p:txBody>
      </p:sp>
      <p:sp>
        <p:nvSpPr>
          <p:cNvPr id="41" name="Rectangle 40">
            <a:extLst>
              <a:ext uri="{FF2B5EF4-FFF2-40B4-BE49-F238E27FC236}">
                <a16:creationId xmlns:a16="http://schemas.microsoft.com/office/drawing/2014/main" id="{3B557CB6-F09A-CCB8-E6D3-0D0D4BCCBC74}"/>
              </a:ext>
            </a:extLst>
          </p:cNvPr>
          <p:cNvSpPr/>
          <p:nvPr/>
        </p:nvSpPr>
        <p:spPr>
          <a:xfrm>
            <a:off x="0" y="5555848"/>
            <a:ext cx="12192000" cy="1302151"/>
          </a:xfrm>
          <a:prstGeom prst="rect">
            <a:avLst/>
          </a:prstGeom>
          <a:solidFill>
            <a:srgbClr val="0085BE"/>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cxnSp>
        <p:nvCxnSpPr>
          <p:cNvPr id="2" name="Straight Connector 1">
            <a:extLst>
              <a:ext uri="{FF2B5EF4-FFF2-40B4-BE49-F238E27FC236}">
                <a16:creationId xmlns:a16="http://schemas.microsoft.com/office/drawing/2014/main" id="{C6B54651-D315-75D7-F118-4699B431683F}"/>
              </a:ext>
            </a:extLst>
          </p:cNvPr>
          <p:cNvCxnSpPr/>
          <p:nvPr/>
        </p:nvCxnSpPr>
        <p:spPr>
          <a:xfrm>
            <a:off x="625303" y="882907"/>
            <a:ext cx="640080" cy="0"/>
          </a:xfrm>
          <a:prstGeom prst="line">
            <a:avLst/>
          </a:prstGeom>
          <a:ln w="28575">
            <a:solidFill>
              <a:srgbClr val="0574B0"/>
            </a:solidFill>
          </a:ln>
        </p:spPr>
        <p:style>
          <a:lnRef idx="1">
            <a:schemeClr val="accent1"/>
          </a:lnRef>
          <a:fillRef idx="0">
            <a:schemeClr val="accent1"/>
          </a:fillRef>
          <a:effectRef idx="0">
            <a:schemeClr val="accent1"/>
          </a:effectRef>
          <a:fontRef idx="minor">
            <a:schemeClr val="tx1"/>
          </a:fontRef>
        </p:style>
      </p:cxnSp>
      <p:sp>
        <p:nvSpPr>
          <p:cNvPr id="7" name="Slide Number Placeholder 5">
            <a:extLst>
              <a:ext uri="{FF2B5EF4-FFF2-40B4-BE49-F238E27FC236}">
                <a16:creationId xmlns:a16="http://schemas.microsoft.com/office/drawing/2014/main" id="{919BF5BA-5284-0233-FE89-61F115CEA8AB}"/>
              </a:ext>
            </a:extLst>
          </p:cNvPr>
          <p:cNvSpPr txBox="1">
            <a:spLocks/>
          </p:cNvSpPr>
          <p:nvPr/>
        </p:nvSpPr>
        <p:spPr>
          <a:xfrm>
            <a:off x="9349506" y="6439476"/>
            <a:ext cx="2743200" cy="365125"/>
          </a:xfrm>
          <a:prstGeom prst="rect">
            <a:avLst/>
          </a:prstGeom>
        </p:spPr>
        <p:txBody>
          <a:bodyPr vert="horz" lIns="91440" tIns="45720" rIns="91440" bIns="45720" rtlCol="0" anchor="ctr"/>
          <a:lstStyle>
            <a:defPPr>
              <a:defRPr lang="en-US"/>
            </a:defPPr>
            <a:lvl1pPr marL="0" algn="r" defTabSz="914400" rtl="0" eaLnBrk="1" latinLnBrk="0" hangingPunct="1">
              <a:defRPr sz="1200" kern="1200">
                <a:solidFill>
                  <a:schemeClr val="tx1">
                    <a:tint val="75000"/>
                  </a:schemeClr>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77068464-4C8E-431E-87E4-567733A7CD2F}" type="slidenum">
              <a:rPr lang="en-IN" sz="1000" smtClean="0">
                <a:solidFill>
                  <a:schemeClr val="bg1"/>
                </a:solidFill>
              </a:rPr>
              <a:pPr/>
              <a:t>12</a:t>
            </a:fld>
            <a:endParaRPr lang="en-IN" sz="1000">
              <a:solidFill>
                <a:schemeClr val="bg1"/>
              </a:solidFill>
            </a:endParaRPr>
          </a:p>
        </p:txBody>
      </p:sp>
      <p:pic>
        <p:nvPicPr>
          <p:cNvPr id="8" name="Picture 7">
            <a:extLst>
              <a:ext uri="{FF2B5EF4-FFF2-40B4-BE49-F238E27FC236}">
                <a16:creationId xmlns:a16="http://schemas.microsoft.com/office/drawing/2014/main" id="{69CD2037-5DAA-8135-F493-3FBD6230DB5F}"/>
              </a:ext>
            </a:extLst>
          </p:cNvPr>
          <p:cNvPicPr/>
          <p:nvPr/>
        </p:nvPicPr>
        <p:blipFill rotWithShape="1">
          <a:blip r:embed="rId2">
            <a:extLst>
              <a:ext uri="{28A0092B-C50C-407E-A947-70E740481C1C}">
                <a14:useLocalDpi xmlns:a14="http://schemas.microsoft.com/office/drawing/2010/main" val="0"/>
              </a:ext>
            </a:extLst>
          </a:blip>
          <a:srcRect l="33" r="69"/>
          <a:stretch/>
        </p:blipFill>
        <p:spPr bwMode="auto">
          <a:xfrm>
            <a:off x="1659118" y="1205716"/>
            <a:ext cx="8870621" cy="5183509"/>
          </a:xfrm>
          <a:prstGeom prst="roundRect">
            <a:avLst>
              <a:gd name="adj" fmla="val 2930"/>
            </a:avLst>
          </a:prstGeom>
          <a:effectLst>
            <a:outerShdw blurRad="50800" dist="38100" dir="2700000" algn="tl" rotWithShape="0">
              <a:prstClr val="black">
                <a:alpha val="20000"/>
              </a:prstClr>
            </a:outerShdw>
          </a:effectLst>
        </p:spPr>
      </p:pic>
    </p:spTree>
    <p:extLst>
      <p:ext uri="{BB962C8B-B14F-4D97-AF65-F5344CB8AC3E}">
        <p14:creationId xmlns:p14="http://schemas.microsoft.com/office/powerpoint/2010/main" val="2638298100"/>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8" name="Title 1">
            <a:extLst>
              <a:ext uri="{FF2B5EF4-FFF2-40B4-BE49-F238E27FC236}">
                <a16:creationId xmlns:a16="http://schemas.microsoft.com/office/drawing/2014/main" id="{EF62E507-7BFA-F1A0-A235-E80AC4BA2A49}"/>
              </a:ext>
            </a:extLst>
          </p:cNvPr>
          <p:cNvSpPr txBox="1">
            <a:spLocks/>
          </p:cNvSpPr>
          <p:nvPr/>
        </p:nvSpPr>
        <p:spPr>
          <a:xfrm>
            <a:off x="533401" y="157024"/>
            <a:ext cx="10515600" cy="686003"/>
          </a:xfrm>
          <a:prstGeom prst="rect">
            <a:avLst/>
          </a:prstGeom>
        </p:spPr>
        <p:txBody>
          <a:bodyPr anchor="b"/>
          <a:lstStyle>
            <a:lvl1pPr algn="l" defTabSz="914400" rtl="0" eaLnBrk="1" latinLnBrk="0" hangingPunct="1">
              <a:lnSpc>
                <a:spcPct val="90000"/>
              </a:lnSpc>
              <a:spcBef>
                <a:spcPct val="0"/>
              </a:spcBef>
              <a:buNone/>
              <a:defRPr sz="2200" b="1" kern="1200">
                <a:solidFill>
                  <a:schemeClr val="tx1"/>
                </a:solidFill>
                <a:latin typeface="+mn-lt"/>
                <a:ea typeface="+mj-ea"/>
                <a:cs typeface="+mj-cs"/>
              </a:defRPr>
            </a:lvl1pPr>
          </a:lstStyle>
          <a:p>
            <a:r>
              <a:rPr lang="en-US"/>
              <a:t>SALES EXCELLENCE SIMULATION</a:t>
            </a:r>
            <a:endParaRPr lang="en-IN"/>
          </a:p>
        </p:txBody>
      </p:sp>
      <p:sp>
        <p:nvSpPr>
          <p:cNvPr id="41" name="Rectangle 40">
            <a:extLst>
              <a:ext uri="{FF2B5EF4-FFF2-40B4-BE49-F238E27FC236}">
                <a16:creationId xmlns:a16="http://schemas.microsoft.com/office/drawing/2014/main" id="{3B557CB6-F09A-CCB8-E6D3-0D0D4BCCBC74}"/>
              </a:ext>
            </a:extLst>
          </p:cNvPr>
          <p:cNvSpPr/>
          <p:nvPr/>
        </p:nvSpPr>
        <p:spPr>
          <a:xfrm>
            <a:off x="0" y="5555848"/>
            <a:ext cx="12192000" cy="1302151"/>
          </a:xfrm>
          <a:prstGeom prst="rect">
            <a:avLst/>
          </a:prstGeom>
          <a:solidFill>
            <a:srgbClr val="0085BE"/>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cxnSp>
        <p:nvCxnSpPr>
          <p:cNvPr id="2" name="Straight Connector 1">
            <a:extLst>
              <a:ext uri="{FF2B5EF4-FFF2-40B4-BE49-F238E27FC236}">
                <a16:creationId xmlns:a16="http://schemas.microsoft.com/office/drawing/2014/main" id="{C6B54651-D315-75D7-F118-4699B431683F}"/>
              </a:ext>
            </a:extLst>
          </p:cNvPr>
          <p:cNvCxnSpPr/>
          <p:nvPr/>
        </p:nvCxnSpPr>
        <p:spPr>
          <a:xfrm>
            <a:off x="625303" y="882907"/>
            <a:ext cx="640080" cy="0"/>
          </a:xfrm>
          <a:prstGeom prst="line">
            <a:avLst/>
          </a:prstGeom>
          <a:ln w="28575">
            <a:solidFill>
              <a:srgbClr val="0574B0"/>
            </a:solidFill>
          </a:ln>
        </p:spPr>
        <p:style>
          <a:lnRef idx="1">
            <a:schemeClr val="accent1"/>
          </a:lnRef>
          <a:fillRef idx="0">
            <a:schemeClr val="accent1"/>
          </a:fillRef>
          <a:effectRef idx="0">
            <a:schemeClr val="accent1"/>
          </a:effectRef>
          <a:fontRef idx="minor">
            <a:schemeClr val="tx1"/>
          </a:fontRef>
        </p:style>
      </p:cxnSp>
      <p:sp>
        <p:nvSpPr>
          <p:cNvPr id="7" name="Slide Number Placeholder 5">
            <a:extLst>
              <a:ext uri="{FF2B5EF4-FFF2-40B4-BE49-F238E27FC236}">
                <a16:creationId xmlns:a16="http://schemas.microsoft.com/office/drawing/2014/main" id="{919BF5BA-5284-0233-FE89-61F115CEA8AB}"/>
              </a:ext>
            </a:extLst>
          </p:cNvPr>
          <p:cNvSpPr txBox="1">
            <a:spLocks/>
          </p:cNvSpPr>
          <p:nvPr/>
        </p:nvSpPr>
        <p:spPr>
          <a:xfrm>
            <a:off x="9349506" y="6439476"/>
            <a:ext cx="2743200" cy="365125"/>
          </a:xfrm>
          <a:prstGeom prst="rect">
            <a:avLst/>
          </a:prstGeom>
        </p:spPr>
        <p:txBody>
          <a:bodyPr vert="horz" lIns="91440" tIns="45720" rIns="91440" bIns="45720" rtlCol="0" anchor="ctr"/>
          <a:lstStyle>
            <a:defPPr>
              <a:defRPr lang="en-US"/>
            </a:defPPr>
            <a:lvl1pPr marL="0" algn="r" defTabSz="914400" rtl="0" eaLnBrk="1" latinLnBrk="0" hangingPunct="1">
              <a:defRPr sz="1200" kern="1200">
                <a:solidFill>
                  <a:schemeClr val="tx1">
                    <a:tint val="75000"/>
                  </a:schemeClr>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77068464-4C8E-431E-87E4-567733A7CD2F}" type="slidenum">
              <a:rPr lang="en-IN" sz="1000" smtClean="0">
                <a:solidFill>
                  <a:schemeClr val="bg1"/>
                </a:solidFill>
              </a:rPr>
              <a:pPr/>
              <a:t>13</a:t>
            </a:fld>
            <a:endParaRPr lang="en-IN" sz="1000">
              <a:solidFill>
                <a:schemeClr val="bg1"/>
              </a:solidFill>
            </a:endParaRPr>
          </a:p>
        </p:txBody>
      </p:sp>
      <p:pic>
        <p:nvPicPr>
          <p:cNvPr id="8" name="Picture 7">
            <a:extLst>
              <a:ext uri="{FF2B5EF4-FFF2-40B4-BE49-F238E27FC236}">
                <a16:creationId xmlns:a16="http://schemas.microsoft.com/office/drawing/2014/main" id="{5030C1C0-4810-B799-E30C-419C5182B319}"/>
              </a:ext>
            </a:extLst>
          </p:cNvPr>
          <p:cNvPicPr/>
          <p:nvPr/>
        </p:nvPicPr>
        <p:blipFill rotWithShape="1">
          <a:blip r:embed="rId2">
            <a:extLst>
              <a:ext uri="{28A0092B-C50C-407E-A947-70E740481C1C}">
                <a14:useLocalDpi xmlns:a14="http://schemas.microsoft.com/office/drawing/2010/main" val="0"/>
              </a:ext>
            </a:extLst>
          </a:blip>
          <a:srcRect l="33" r="69"/>
          <a:stretch/>
        </p:blipFill>
        <p:spPr bwMode="auto">
          <a:xfrm>
            <a:off x="1659118" y="1205716"/>
            <a:ext cx="8870621" cy="5183509"/>
          </a:xfrm>
          <a:prstGeom prst="roundRect">
            <a:avLst>
              <a:gd name="adj" fmla="val 2930"/>
            </a:avLst>
          </a:prstGeom>
          <a:effectLst>
            <a:outerShdw blurRad="50800" dist="38100" dir="2700000" algn="tl" rotWithShape="0">
              <a:prstClr val="black">
                <a:alpha val="20000"/>
              </a:prstClr>
            </a:outerShdw>
          </a:effectLst>
        </p:spPr>
      </p:pic>
    </p:spTree>
    <p:extLst>
      <p:ext uri="{BB962C8B-B14F-4D97-AF65-F5344CB8AC3E}">
        <p14:creationId xmlns:p14="http://schemas.microsoft.com/office/powerpoint/2010/main" val="3339121401"/>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8" name="Title 1">
            <a:extLst>
              <a:ext uri="{FF2B5EF4-FFF2-40B4-BE49-F238E27FC236}">
                <a16:creationId xmlns:a16="http://schemas.microsoft.com/office/drawing/2014/main" id="{EF62E507-7BFA-F1A0-A235-E80AC4BA2A49}"/>
              </a:ext>
            </a:extLst>
          </p:cNvPr>
          <p:cNvSpPr txBox="1">
            <a:spLocks/>
          </p:cNvSpPr>
          <p:nvPr/>
        </p:nvSpPr>
        <p:spPr>
          <a:xfrm>
            <a:off x="533401" y="157024"/>
            <a:ext cx="10515600" cy="686003"/>
          </a:xfrm>
          <a:prstGeom prst="rect">
            <a:avLst/>
          </a:prstGeom>
        </p:spPr>
        <p:txBody>
          <a:bodyPr anchor="b"/>
          <a:lstStyle>
            <a:lvl1pPr algn="l" defTabSz="914400" rtl="0" eaLnBrk="1" latinLnBrk="0" hangingPunct="1">
              <a:lnSpc>
                <a:spcPct val="90000"/>
              </a:lnSpc>
              <a:spcBef>
                <a:spcPct val="0"/>
              </a:spcBef>
              <a:buNone/>
              <a:defRPr sz="2200" b="1" kern="1200">
                <a:solidFill>
                  <a:schemeClr val="tx1"/>
                </a:solidFill>
                <a:latin typeface="+mn-lt"/>
                <a:ea typeface="+mj-ea"/>
                <a:cs typeface="+mj-cs"/>
              </a:defRPr>
            </a:lvl1pPr>
          </a:lstStyle>
          <a:p>
            <a:r>
              <a:rPr lang="en-US"/>
              <a:t>SALES EXCELLENCE SIMULATION</a:t>
            </a:r>
            <a:endParaRPr lang="en-IN"/>
          </a:p>
        </p:txBody>
      </p:sp>
      <p:sp>
        <p:nvSpPr>
          <p:cNvPr id="41" name="Rectangle 40">
            <a:extLst>
              <a:ext uri="{FF2B5EF4-FFF2-40B4-BE49-F238E27FC236}">
                <a16:creationId xmlns:a16="http://schemas.microsoft.com/office/drawing/2014/main" id="{3B557CB6-F09A-CCB8-E6D3-0D0D4BCCBC74}"/>
              </a:ext>
            </a:extLst>
          </p:cNvPr>
          <p:cNvSpPr/>
          <p:nvPr/>
        </p:nvSpPr>
        <p:spPr>
          <a:xfrm>
            <a:off x="0" y="5555848"/>
            <a:ext cx="12192000" cy="1302151"/>
          </a:xfrm>
          <a:prstGeom prst="rect">
            <a:avLst/>
          </a:prstGeom>
          <a:solidFill>
            <a:srgbClr val="0085BE"/>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cxnSp>
        <p:nvCxnSpPr>
          <p:cNvPr id="2" name="Straight Connector 1">
            <a:extLst>
              <a:ext uri="{FF2B5EF4-FFF2-40B4-BE49-F238E27FC236}">
                <a16:creationId xmlns:a16="http://schemas.microsoft.com/office/drawing/2014/main" id="{C6B54651-D315-75D7-F118-4699B431683F}"/>
              </a:ext>
            </a:extLst>
          </p:cNvPr>
          <p:cNvCxnSpPr/>
          <p:nvPr/>
        </p:nvCxnSpPr>
        <p:spPr>
          <a:xfrm>
            <a:off x="625303" y="882907"/>
            <a:ext cx="640080" cy="0"/>
          </a:xfrm>
          <a:prstGeom prst="line">
            <a:avLst/>
          </a:prstGeom>
          <a:ln w="28575">
            <a:solidFill>
              <a:srgbClr val="0574B0"/>
            </a:solidFill>
          </a:ln>
        </p:spPr>
        <p:style>
          <a:lnRef idx="1">
            <a:schemeClr val="accent1"/>
          </a:lnRef>
          <a:fillRef idx="0">
            <a:schemeClr val="accent1"/>
          </a:fillRef>
          <a:effectRef idx="0">
            <a:schemeClr val="accent1"/>
          </a:effectRef>
          <a:fontRef idx="minor">
            <a:schemeClr val="tx1"/>
          </a:fontRef>
        </p:style>
      </p:cxnSp>
      <p:sp>
        <p:nvSpPr>
          <p:cNvPr id="7" name="Slide Number Placeholder 5">
            <a:extLst>
              <a:ext uri="{FF2B5EF4-FFF2-40B4-BE49-F238E27FC236}">
                <a16:creationId xmlns:a16="http://schemas.microsoft.com/office/drawing/2014/main" id="{919BF5BA-5284-0233-FE89-61F115CEA8AB}"/>
              </a:ext>
            </a:extLst>
          </p:cNvPr>
          <p:cNvSpPr txBox="1">
            <a:spLocks/>
          </p:cNvSpPr>
          <p:nvPr/>
        </p:nvSpPr>
        <p:spPr>
          <a:xfrm>
            <a:off x="9349506" y="6439476"/>
            <a:ext cx="2743200" cy="365125"/>
          </a:xfrm>
          <a:prstGeom prst="rect">
            <a:avLst/>
          </a:prstGeom>
        </p:spPr>
        <p:txBody>
          <a:bodyPr vert="horz" lIns="91440" tIns="45720" rIns="91440" bIns="45720" rtlCol="0" anchor="ctr"/>
          <a:lstStyle>
            <a:defPPr>
              <a:defRPr lang="en-US"/>
            </a:defPPr>
            <a:lvl1pPr marL="0" algn="r" defTabSz="914400" rtl="0" eaLnBrk="1" latinLnBrk="0" hangingPunct="1">
              <a:defRPr sz="1200" kern="1200">
                <a:solidFill>
                  <a:schemeClr val="tx1">
                    <a:tint val="75000"/>
                  </a:schemeClr>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77068464-4C8E-431E-87E4-567733A7CD2F}" type="slidenum">
              <a:rPr lang="en-IN" sz="1000" smtClean="0">
                <a:solidFill>
                  <a:schemeClr val="bg1"/>
                </a:solidFill>
              </a:rPr>
              <a:pPr/>
              <a:t>14</a:t>
            </a:fld>
            <a:endParaRPr lang="en-IN" sz="1000">
              <a:solidFill>
                <a:schemeClr val="bg1"/>
              </a:solidFill>
            </a:endParaRPr>
          </a:p>
        </p:txBody>
      </p:sp>
      <p:pic>
        <p:nvPicPr>
          <p:cNvPr id="8" name="Picture 7">
            <a:extLst>
              <a:ext uri="{FF2B5EF4-FFF2-40B4-BE49-F238E27FC236}">
                <a16:creationId xmlns:a16="http://schemas.microsoft.com/office/drawing/2014/main" id="{8B4532F5-41A6-7911-F533-7DA8865DFE41}"/>
              </a:ext>
            </a:extLst>
          </p:cNvPr>
          <p:cNvPicPr/>
          <p:nvPr/>
        </p:nvPicPr>
        <p:blipFill rotWithShape="1">
          <a:blip r:embed="rId2">
            <a:extLst>
              <a:ext uri="{28A0092B-C50C-407E-A947-70E740481C1C}">
                <a14:useLocalDpi xmlns:a14="http://schemas.microsoft.com/office/drawing/2010/main" val="0"/>
              </a:ext>
            </a:extLst>
          </a:blip>
          <a:srcRect l="33" r="69"/>
          <a:stretch/>
        </p:blipFill>
        <p:spPr bwMode="auto">
          <a:xfrm>
            <a:off x="1659118" y="1205716"/>
            <a:ext cx="8870621" cy="5183509"/>
          </a:xfrm>
          <a:prstGeom prst="roundRect">
            <a:avLst>
              <a:gd name="adj" fmla="val 2930"/>
            </a:avLst>
          </a:prstGeom>
          <a:effectLst>
            <a:outerShdw blurRad="50800" dist="38100" dir="2700000" algn="tl" rotWithShape="0">
              <a:prstClr val="black">
                <a:alpha val="20000"/>
              </a:prstClr>
            </a:outerShdw>
          </a:effectLst>
        </p:spPr>
      </p:pic>
    </p:spTree>
    <p:extLst>
      <p:ext uri="{BB962C8B-B14F-4D97-AF65-F5344CB8AC3E}">
        <p14:creationId xmlns:p14="http://schemas.microsoft.com/office/powerpoint/2010/main" val="2838957672"/>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 name="Rectangle: Top Corners Rounded 12">
            <a:extLst>
              <a:ext uri="{FF2B5EF4-FFF2-40B4-BE49-F238E27FC236}">
                <a16:creationId xmlns:a16="http://schemas.microsoft.com/office/drawing/2014/main" id="{808C645C-639B-6C63-21A2-683972589460}"/>
              </a:ext>
            </a:extLst>
          </p:cNvPr>
          <p:cNvSpPr/>
          <p:nvPr/>
        </p:nvSpPr>
        <p:spPr>
          <a:xfrm>
            <a:off x="574344" y="5273414"/>
            <a:ext cx="1480598" cy="432919"/>
          </a:xfrm>
          <a:prstGeom prst="round2SameRect">
            <a:avLst>
              <a:gd name="adj1" fmla="val 15279"/>
              <a:gd name="adj2" fmla="val 17939"/>
            </a:avLst>
          </a:prstGeom>
          <a:solidFill>
            <a:schemeClr val="bg1"/>
          </a:solidFill>
          <a:ln>
            <a:solidFill>
              <a:schemeClr val="bg1">
                <a:lumMod val="85000"/>
              </a:schemeClr>
            </a:solidFill>
          </a:ln>
          <a:effectLst>
            <a:outerShdw blurRad="50800" dist="38100" dir="2700000" algn="tl" rotWithShape="0">
              <a:prstClr val="black">
                <a:alpha val="1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sz="1400"/>
          </a:p>
        </p:txBody>
      </p:sp>
      <p:sp>
        <p:nvSpPr>
          <p:cNvPr id="5" name="Rectangle 4">
            <a:extLst>
              <a:ext uri="{FF2B5EF4-FFF2-40B4-BE49-F238E27FC236}">
                <a16:creationId xmlns:a16="http://schemas.microsoft.com/office/drawing/2014/main" id="{0EEAE0C8-A78D-6773-2965-7B8ABCBC7BAC}"/>
              </a:ext>
            </a:extLst>
          </p:cNvPr>
          <p:cNvSpPr/>
          <p:nvPr/>
        </p:nvSpPr>
        <p:spPr>
          <a:xfrm>
            <a:off x="6790310" y="1"/>
            <a:ext cx="5401690" cy="6858000"/>
          </a:xfrm>
          <a:prstGeom prst="rect">
            <a:avLst/>
          </a:prstGeom>
          <a:solidFill>
            <a:srgbClr val="0085BE"/>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2" name="Title 1">
            <a:extLst>
              <a:ext uri="{FF2B5EF4-FFF2-40B4-BE49-F238E27FC236}">
                <a16:creationId xmlns:a16="http://schemas.microsoft.com/office/drawing/2014/main" id="{2447EBAC-CFBA-8B81-4EB2-EDD4413595B3}"/>
              </a:ext>
            </a:extLst>
          </p:cNvPr>
          <p:cNvSpPr>
            <a:spLocks noGrp="1"/>
          </p:cNvSpPr>
          <p:nvPr>
            <p:ph type="title"/>
          </p:nvPr>
        </p:nvSpPr>
        <p:spPr/>
        <p:txBody>
          <a:bodyPr/>
          <a:lstStyle/>
          <a:p>
            <a:r>
              <a:rPr lang="en-US"/>
              <a:t>LUMIFY SALES CHALLENGE</a:t>
            </a:r>
            <a:endParaRPr lang="en-IN"/>
          </a:p>
        </p:txBody>
      </p:sp>
      <p:sp>
        <p:nvSpPr>
          <p:cNvPr id="3" name="Content Placeholder 2">
            <a:extLst>
              <a:ext uri="{FF2B5EF4-FFF2-40B4-BE49-F238E27FC236}">
                <a16:creationId xmlns:a16="http://schemas.microsoft.com/office/drawing/2014/main" id="{81B63953-1DC3-C5E4-F518-48A6A5C185F0}"/>
              </a:ext>
            </a:extLst>
          </p:cNvPr>
          <p:cNvSpPr>
            <a:spLocks noGrp="1"/>
          </p:cNvSpPr>
          <p:nvPr>
            <p:ph idx="1"/>
          </p:nvPr>
        </p:nvSpPr>
        <p:spPr>
          <a:xfrm>
            <a:off x="533401" y="1465583"/>
            <a:ext cx="5652495" cy="4351338"/>
          </a:xfrm>
        </p:spPr>
        <p:txBody>
          <a:bodyPr>
            <a:normAutofit/>
          </a:bodyPr>
          <a:lstStyle/>
          <a:p>
            <a:pPr marL="0" lvl="2" indent="0">
              <a:lnSpc>
                <a:spcPct val="100000"/>
              </a:lnSpc>
              <a:spcBef>
                <a:spcPts val="0"/>
              </a:spcBef>
              <a:buClr>
                <a:srgbClr val="00799E"/>
              </a:buClr>
              <a:buNone/>
            </a:pPr>
            <a:r>
              <a:rPr lang="en-US" sz="1400" b="1">
                <a:solidFill>
                  <a:srgbClr val="00799E"/>
                </a:solidFill>
                <a:latin typeface="+mj-lt"/>
                <a:ea typeface="Roboto" pitchFamily="2" charset="0"/>
                <a:cs typeface="+mj-cs"/>
              </a:rPr>
              <a:t>About: </a:t>
            </a:r>
            <a:r>
              <a:rPr lang="en-US" sz="1400">
                <a:solidFill>
                  <a:srgbClr val="404040"/>
                </a:solidFill>
                <a:latin typeface="+mj-lt"/>
                <a:ea typeface="Roboto" pitchFamily="2" charset="0"/>
              </a:rPr>
              <a:t>A gamified learning with assessment helping Philips personnel to understand the functionality and set-up of Lumify product range that provide users with the information needed to direct customers to the right Lumify resource.</a:t>
            </a:r>
          </a:p>
          <a:p>
            <a:pPr marL="0" lvl="2" indent="0">
              <a:lnSpc>
                <a:spcPct val="100000"/>
              </a:lnSpc>
              <a:spcBef>
                <a:spcPts val="0"/>
              </a:spcBef>
              <a:buClr>
                <a:srgbClr val="00799E"/>
              </a:buClr>
              <a:buNone/>
            </a:pPr>
            <a:endParaRPr lang="en-US" sz="1400" b="1">
              <a:solidFill>
                <a:srgbClr val="00799E"/>
              </a:solidFill>
              <a:latin typeface="+mj-lt"/>
              <a:ea typeface="Roboto" pitchFamily="2" charset="0"/>
              <a:cs typeface="+mj-cs"/>
            </a:endParaRPr>
          </a:p>
          <a:p>
            <a:pPr marL="0" lvl="2" indent="0">
              <a:lnSpc>
                <a:spcPct val="100000"/>
              </a:lnSpc>
              <a:spcBef>
                <a:spcPts val="0"/>
              </a:spcBef>
              <a:buClr>
                <a:srgbClr val="00799E"/>
              </a:buClr>
              <a:buNone/>
            </a:pPr>
            <a:r>
              <a:rPr lang="en-US" sz="1400" b="1">
                <a:solidFill>
                  <a:srgbClr val="00799E"/>
                </a:solidFill>
                <a:latin typeface="+mj-lt"/>
                <a:ea typeface="Roboto" pitchFamily="2" charset="0"/>
                <a:cs typeface="+mj-cs"/>
              </a:rPr>
              <a:t>Design highlights: </a:t>
            </a:r>
          </a:p>
          <a:p>
            <a:pPr marL="0" lvl="2" indent="0">
              <a:lnSpc>
                <a:spcPct val="100000"/>
              </a:lnSpc>
              <a:spcBef>
                <a:spcPts val="0"/>
              </a:spcBef>
              <a:buClr>
                <a:srgbClr val="00799E"/>
              </a:buClr>
              <a:buNone/>
            </a:pPr>
            <a:endParaRPr lang="en-US" sz="1400">
              <a:solidFill>
                <a:srgbClr val="404040"/>
              </a:solidFill>
              <a:latin typeface="+mj-lt"/>
              <a:ea typeface="Roboto" pitchFamily="2" charset="0"/>
            </a:endParaRPr>
          </a:p>
          <a:p>
            <a:pPr marL="285750" lvl="2" indent="-285750">
              <a:lnSpc>
                <a:spcPct val="100000"/>
              </a:lnSpc>
              <a:spcBef>
                <a:spcPts val="0"/>
              </a:spcBef>
              <a:buClr>
                <a:srgbClr val="00799E"/>
              </a:buClr>
            </a:pPr>
            <a:r>
              <a:rPr lang="en-US" sz="1400">
                <a:solidFill>
                  <a:srgbClr val="404040"/>
                </a:solidFill>
                <a:latin typeface="+mj-lt"/>
                <a:ea typeface="Roboto" pitchFamily="2" charset="0"/>
              </a:rPr>
              <a:t>Conversation-based game approach set in Lumify sales and support scenarios​</a:t>
            </a:r>
          </a:p>
          <a:p>
            <a:pPr marL="285750" lvl="2" indent="-285750">
              <a:lnSpc>
                <a:spcPct val="100000"/>
              </a:lnSpc>
              <a:spcBef>
                <a:spcPts val="0"/>
              </a:spcBef>
              <a:buClr>
                <a:srgbClr val="00799E"/>
              </a:buClr>
            </a:pPr>
            <a:r>
              <a:rPr lang="en-US" sz="1400">
                <a:solidFill>
                  <a:srgbClr val="404040"/>
                </a:solidFill>
                <a:latin typeface="+mj-lt"/>
                <a:ea typeface="Roboto" pitchFamily="2" charset="0"/>
              </a:rPr>
              <a:t>Remedial game challenges only for users who cannot solve the core game challenge​</a:t>
            </a:r>
          </a:p>
          <a:p>
            <a:pPr marL="285750" lvl="2" indent="-285750">
              <a:lnSpc>
                <a:spcPct val="100000"/>
              </a:lnSpc>
              <a:spcBef>
                <a:spcPts val="0"/>
              </a:spcBef>
              <a:buClr>
                <a:srgbClr val="00799E"/>
              </a:buClr>
            </a:pPr>
            <a:r>
              <a:rPr lang="en-US" sz="1400">
                <a:solidFill>
                  <a:srgbClr val="404040"/>
                </a:solidFill>
                <a:latin typeface="+mj-lt"/>
                <a:ea typeface="Roboto" pitchFamily="2" charset="0"/>
              </a:rPr>
              <a:t>Scoring mechanism for the responses in the challenges​</a:t>
            </a:r>
          </a:p>
          <a:p>
            <a:pPr marL="285750" lvl="2" indent="-285750">
              <a:lnSpc>
                <a:spcPct val="100000"/>
              </a:lnSpc>
              <a:spcBef>
                <a:spcPts val="0"/>
              </a:spcBef>
              <a:buClr>
                <a:srgbClr val="00799E"/>
              </a:buClr>
            </a:pPr>
            <a:r>
              <a:rPr lang="en-US" sz="1400">
                <a:solidFill>
                  <a:srgbClr val="404040"/>
                </a:solidFill>
                <a:latin typeface="+mj-lt"/>
                <a:ea typeface="Roboto" pitchFamily="2" charset="0"/>
              </a:rPr>
              <a:t>Separate video animations for Lumify product, POCUS market, and product/app support​</a:t>
            </a:r>
          </a:p>
          <a:p>
            <a:pPr marL="285750" lvl="2" indent="-285750">
              <a:lnSpc>
                <a:spcPct val="100000"/>
              </a:lnSpc>
              <a:spcBef>
                <a:spcPts val="0"/>
              </a:spcBef>
              <a:buClr>
                <a:srgbClr val="00799E"/>
              </a:buClr>
            </a:pPr>
            <a:r>
              <a:rPr lang="en-US" sz="1400">
                <a:solidFill>
                  <a:srgbClr val="404040"/>
                </a:solidFill>
                <a:latin typeface="+mj-lt"/>
                <a:ea typeface="Roboto" pitchFamily="2" charset="0"/>
              </a:rPr>
              <a:t>Wider range of guides and support materials on product installation and use​</a:t>
            </a:r>
          </a:p>
          <a:p>
            <a:pPr marL="285750" lvl="2" indent="-285750">
              <a:lnSpc>
                <a:spcPct val="100000"/>
              </a:lnSpc>
              <a:spcBef>
                <a:spcPts val="0"/>
              </a:spcBef>
              <a:buClr>
                <a:srgbClr val="00799E"/>
              </a:buClr>
            </a:pPr>
            <a:r>
              <a:rPr lang="en-US" sz="1400" b="1">
                <a:solidFill>
                  <a:srgbClr val="404040"/>
                </a:solidFill>
                <a:latin typeface="+mj-lt"/>
                <a:ea typeface="Roboto" pitchFamily="2" charset="0"/>
              </a:rPr>
              <a:t>Built using – HTML5</a:t>
            </a:r>
            <a:endParaRPr lang="en-US" sz="1400">
              <a:solidFill>
                <a:srgbClr val="404040"/>
              </a:solidFill>
              <a:latin typeface="+mj-lt"/>
              <a:ea typeface="Roboto" pitchFamily="2" charset="0"/>
            </a:endParaRPr>
          </a:p>
        </p:txBody>
      </p:sp>
      <p:sp>
        <p:nvSpPr>
          <p:cNvPr id="9" name="Slide Number Placeholder 5">
            <a:extLst>
              <a:ext uri="{FF2B5EF4-FFF2-40B4-BE49-F238E27FC236}">
                <a16:creationId xmlns:a16="http://schemas.microsoft.com/office/drawing/2014/main" id="{E681DE4A-070B-D960-7DD3-C06BF6C2F67F}"/>
              </a:ext>
            </a:extLst>
          </p:cNvPr>
          <p:cNvSpPr txBox="1">
            <a:spLocks/>
          </p:cNvSpPr>
          <p:nvPr/>
        </p:nvSpPr>
        <p:spPr>
          <a:xfrm>
            <a:off x="9349506" y="6439476"/>
            <a:ext cx="2743200" cy="365125"/>
          </a:xfrm>
          <a:prstGeom prst="rect">
            <a:avLst/>
          </a:prstGeom>
        </p:spPr>
        <p:txBody>
          <a:bodyPr vert="horz" lIns="91440" tIns="45720" rIns="91440" bIns="45720" rtlCol="0" anchor="ctr"/>
          <a:lstStyle>
            <a:defPPr>
              <a:defRPr lang="en-US"/>
            </a:defPPr>
            <a:lvl1pPr marL="0" algn="r" defTabSz="914400" rtl="0" eaLnBrk="1" latinLnBrk="0" hangingPunct="1">
              <a:defRPr sz="1200" kern="1200">
                <a:solidFill>
                  <a:schemeClr val="tx1">
                    <a:tint val="75000"/>
                  </a:schemeClr>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77068464-4C8E-431E-87E4-567733A7CD2F}" type="slidenum">
              <a:rPr lang="en-IN" sz="1000" smtClean="0">
                <a:solidFill>
                  <a:schemeClr val="bg1"/>
                </a:solidFill>
              </a:rPr>
              <a:pPr/>
              <a:t>15</a:t>
            </a:fld>
            <a:endParaRPr lang="en-IN" sz="1000">
              <a:solidFill>
                <a:schemeClr val="bg1"/>
              </a:solidFill>
            </a:endParaRPr>
          </a:p>
        </p:txBody>
      </p:sp>
      <p:sp>
        <p:nvSpPr>
          <p:cNvPr id="16" name="TextBox 15">
            <a:extLst>
              <a:ext uri="{FF2B5EF4-FFF2-40B4-BE49-F238E27FC236}">
                <a16:creationId xmlns:a16="http://schemas.microsoft.com/office/drawing/2014/main" id="{910D5A34-7ABF-82CF-F0FA-2B5E5B3D4D0E}"/>
              </a:ext>
            </a:extLst>
          </p:cNvPr>
          <p:cNvSpPr txBox="1"/>
          <p:nvPr/>
        </p:nvSpPr>
        <p:spPr>
          <a:xfrm>
            <a:off x="704271" y="5351374"/>
            <a:ext cx="1220745" cy="276999"/>
          </a:xfrm>
          <a:prstGeom prst="rect">
            <a:avLst/>
          </a:prstGeom>
          <a:noFill/>
        </p:spPr>
        <p:txBody>
          <a:bodyPr wrap="square">
            <a:spAutoFit/>
          </a:bodyPr>
          <a:lstStyle/>
          <a:p>
            <a:pPr marL="0" lvl="2" indent="0" algn="ctr">
              <a:lnSpc>
                <a:spcPct val="100000"/>
              </a:lnSpc>
              <a:spcBef>
                <a:spcPts val="1800"/>
              </a:spcBef>
              <a:buClr>
                <a:srgbClr val="00799E"/>
              </a:buClr>
              <a:buNone/>
            </a:pPr>
            <a:r>
              <a:rPr lang="en-US" sz="1200" b="1">
                <a:solidFill>
                  <a:srgbClr val="404040"/>
                </a:solidFill>
                <a:ea typeface="Roboto" pitchFamily="2" charset="0"/>
                <a:hlinkClick r:id="rId2"/>
              </a:rPr>
              <a:t>View Demo</a:t>
            </a:r>
            <a:endParaRPr lang="en-US" sz="1200" b="1">
              <a:solidFill>
                <a:srgbClr val="404040"/>
              </a:solidFill>
              <a:ea typeface="Roboto" pitchFamily="2" charset="0"/>
            </a:endParaRPr>
          </a:p>
        </p:txBody>
      </p:sp>
      <p:pic>
        <p:nvPicPr>
          <p:cNvPr id="19" name="Picture 18" descr="A black background with white lines&#10;&#10;Description automatically generated">
            <a:extLst>
              <a:ext uri="{FF2B5EF4-FFF2-40B4-BE49-F238E27FC236}">
                <a16:creationId xmlns:a16="http://schemas.microsoft.com/office/drawing/2014/main" id="{8E282A8C-FEA1-6E5C-7F97-67486D5B8709}"/>
              </a:ext>
            </a:extLst>
          </p:cNvPr>
          <p:cNvPicPr>
            <a:picLocks noChangeAspect="1"/>
          </p:cNvPicPr>
          <p:nvPr/>
        </p:nvPicPr>
        <p:blipFill>
          <a:blip r:embed="rId3">
            <a:extLst>
              <a:ext uri="{28A0092B-C50C-407E-A947-70E740481C1C}">
                <a14:useLocalDpi xmlns:a14="http://schemas.microsoft.com/office/drawing/2010/main"/>
              </a:ext>
            </a:extLst>
          </a:blip>
          <a:stretch>
            <a:fillRect/>
          </a:stretch>
        </p:blipFill>
        <p:spPr>
          <a:xfrm>
            <a:off x="6790571" y="0"/>
            <a:ext cx="5401429" cy="6811326"/>
          </a:xfrm>
          <a:prstGeom prst="rect">
            <a:avLst/>
          </a:prstGeom>
        </p:spPr>
      </p:pic>
      <p:pic>
        <p:nvPicPr>
          <p:cNvPr id="20" name="Picture 19" descr="A close-up of a computer&#10;&#10;Description automatically generated">
            <a:extLst>
              <a:ext uri="{FF2B5EF4-FFF2-40B4-BE49-F238E27FC236}">
                <a16:creationId xmlns:a16="http://schemas.microsoft.com/office/drawing/2014/main" id="{FDF9B7FC-70DA-927B-C741-D5CBAEE208A1}"/>
              </a:ext>
            </a:extLst>
          </p:cNvPr>
          <p:cNvPicPr>
            <a:picLocks noChangeAspect="1"/>
          </p:cNvPicPr>
          <p:nvPr/>
        </p:nvPicPr>
        <p:blipFill>
          <a:blip r:embed="rId4" cstate="screen">
            <a:extLst>
              <a:ext uri="{28A0092B-C50C-407E-A947-70E740481C1C}">
                <a14:useLocalDpi xmlns:a14="http://schemas.microsoft.com/office/drawing/2010/main"/>
              </a:ext>
            </a:extLst>
          </a:blip>
          <a:stretch>
            <a:fillRect/>
          </a:stretch>
        </p:blipFill>
        <p:spPr>
          <a:xfrm>
            <a:off x="6907257" y="1620909"/>
            <a:ext cx="5167796" cy="3197660"/>
          </a:xfrm>
          <a:prstGeom prst="rect">
            <a:avLst/>
          </a:prstGeom>
        </p:spPr>
      </p:pic>
      <p:sp>
        <p:nvSpPr>
          <p:cNvPr id="21" name="Rectangle 20">
            <a:extLst>
              <a:ext uri="{FF2B5EF4-FFF2-40B4-BE49-F238E27FC236}">
                <a16:creationId xmlns:a16="http://schemas.microsoft.com/office/drawing/2014/main" id="{C7CD70D2-8A8B-037C-89B8-54B44FD8CD42}"/>
              </a:ext>
            </a:extLst>
          </p:cNvPr>
          <p:cNvSpPr/>
          <p:nvPr/>
        </p:nvSpPr>
        <p:spPr>
          <a:xfrm>
            <a:off x="7518400" y="1988806"/>
            <a:ext cx="3952240" cy="2471434"/>
          </a:xfrm>
          <a:prstGeom prst="rect">
            <a:avLst/>
          </a:prstGeom>
          <a:solidFill>
            <a:schemeClr val="tx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pic>
        <p:nvPicPr>
          <p:cNvPr id="22" name="Picture 4">
            <a:extLst>
              <a:ext uri="{FF2B5EF4-FFF2-40B4-BE49-F238E27FC236}">
                <a16:creationId xmlns:a16="http://schemas.microsoft.com/office/drawing/2014/main" id="{18D1FBCC-0615-56BD-D780-7A7CA321F7D4}"/>
              </a:ext>
            </a:extLst>
          </p:cNvPr>
          <p:cNvPicPr>
            <a:picLocks noChangeAspect="1" noChangeArrowheads="1"/>
          </p:cNvPicPr>
          <p:nvPr/>
        </p:nvPicPr>
        <p:blipFill rotWithShape="1">
          <a:blip r:embed="rId5">
            <a:extLst>
              <a:ext uri="{28A0092B-C50C-407E-A947-70E740481C1C}">
                <a14:useLocalDpi xmlns:a14="http://schemas.microsoft.com/office/drawing/2010/main" val="0"/>
              </a:ext>
            </a:extLst>
          </a:blip>
          <a:srcRect l="1740" r="-344"/>
          <a:stretch/>
        </p:blipFill>
        <p:spPr bwMode="auto">
          <a:xfrm>
            <a:off x="7585914" y="1977231"/>
            <a:ext cx="3824414" cy="2508547"/>
          </a:xfrm>
          <a:prstGeom prst="roundRect">
            <a:avLst>
              <a:gd name="adj" fmla="val 1983"/>
            </a:avLst>
          </a:prstGeom>
        </p:spPr>
      </p:pic>
      <p:pic>
        <p:nvPicPr>
          <p:cNvPr id="4" name="Graphic 3">
            <a:extLst>
              <a:ext uri="{FF2B5EF4-FFF2-40B4-BE49-F238E27FC236}">
                <a16:creationId xmlns:a16="http://schemas.microsoft.com/office/drawing/2014/main" id="{652F0DBE-87DC-9536-5B37-8A5D8D47E092}"/>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10845602" y="294821"/>
            <a:ext cx="1070016" cy="199686"/>
          </a:xfrm>
          <a:prstGeom prst="rect">
            <a:avLst/>
          </a:prstGeom>
        </p:spPr>
      </p:pic>
    </p:spTree>
    <p:extLst>
      <p:ext uri="{BB962C8B-B14F-4D97-AF65-F5344CB8AC3E}">
        <p14:creationId xmlns:p14="http://schemas.microsoft.com/office/powerpoint/2010/main" val="2333471131"/>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8" name="Title 1">
            <a:extLst>
              <a:ext uri="{FF2B5EF4-FFF2-40B4-BE49-F238E27FC236}">
                <a16:creationId xmlns:a16="http://schemas.microsoft.com/office/drawing/2014/main" id="{EF62E507-7BFA-F1A0-A235-E80AC4BA2A49}"/>
              </a:ext>
            </a:extLst>
          </p:cNvPr>
          <p:cNvSpPr txBox="1">
            <a:spLocks/>
          </p:cNvSpPr>
          <p:nvPr/>
        </p:nvSpPr>
        <p:spPr>
          <a:xfrm>
            <a:off x="533401" y="157024"/>
            <a:ext cx="10515600" cy="686003"/>
          </a:xfrm>
          <a:prstGeom prst="rect">
            <a:avLst/>
          </a:prstGeom>
        </p:spPr>
        <p:txBody>
          <a:bodyPr anchor="b"/>
          <a:lstStyle>
            <a:lvl1pPr algn="l" defTabSz="914400" rtl="0" eaLnBrk="1" latinLnBrk="0" hangingPunct="1">
              <a:lnSpc>
                <a:spcPct val="90000"/>
              </a:lnSpc>
              <a:spcBef>
                <a:spcPct val="0"/>
              </a:spcBef>
              <a:buNone/>
              <a:defRPr sz="2200" b="1" kern="1200">
                <a:solidFill>
                  <a:schemeClr val="tx1"/>
                </a:solidFill>
                <a:latin typeface="+mn-lt"/>
                <a:ea typeface="+mj-ea"/>
                <a:cs typeface="+mj-cs"/>
              </a:defRPr>
            </a:lvl1pPr>
          </a:lstStyle>
          <a:p>
            <a:r>
              <a:rPr lang="en-US"/>
              <a:t>LUMIFY SALES CHALLENGE</a:t>
            </a:r>
            <a:endParaRPr lang="en-IN"/>
          </a:p>
        </p:txBody>
      </p:sp>
      <p:sp>
        <p:nvSpPr>
          <p:cNvPr id="41" name="Rectangle 40">
            <a:extLst>
              <a:ext uri="{FF2B5EF4-FFF2-40B4-BE49-F238E27FC236}">
                <a16:creationId xmlns:a16="http://schemas.microsoft.com/office/drawing/2014/main" id="{3B557CB6-F09A-CCB8-E6D3-0D0D4BCCBC74}"/>
              </a:ext>
            </a:extLst>
          </p:cNvPr>
          <p:cNvSpPr/>
          <p:nvPr/>
        </p:nvSpPr>
        <p:spPr>
          <a:xfrm>
            <a:off x="0" y="5555848"/>
            <a:ext cx="12192000" cy="1302151"/>
          </a:xfrm>
          <a:prstGeom prst="rect">
            <a:avLst/>
          </a:prstGeom>
          <a:solidFill>
            <a:srgbClr val="0085BE"/>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cxnSp>
        <p:nvCxnSpPr>
          <p:cNvPr id="2" name="Straight Connector 1">
            <a:extLst>
              <a:ext uri="{FF2B5EF4-FFF2-40B4-BE49-F238E27FC236}">
                <a16:creationId xmlns:a16="http://schemas.microsoft.com/office/drawing/2014/main" id="{C6B54651-D315-75D7-F118-4699B431683F}"/>
              </a:ext>
            </a:extLst>
          </p:cNvPr>
          <p:cNvCxnSpPr/>
          <p:nvPr/>
        </p:nvCxnSpPr>
        <p:spPr>
          <a:xfrm>
            <a:off x="625303" y="882907"/>
            <a:ext cx="640080" cy="0"/>
          </a:xfrm>
          <a:prstGeom prst="line">
            <a:avLst/>
          </a:prstGeom>
          <a:ln w="28575">
            <a:solidFill>
              <a:srgbClr val="0574B0"/>
            </a:solidFill>
          </a:ln>
        </p:spPr>
        <p:style>
          <a:lnRef idx="1">
            <a:schemeClr val="accent1"/>
          </a:lnRef>
          <a:fillRef idx="0">
            <a:schemeClr val="accent1"/>
          </a:fillRef>
          <a:effectRef idx="0">
            <a:schemeClr val="accent1"/>
          </a:effectRef>
          <a:fontRef idx="minor">
            <a:schemeClr val="tx1"/>
          </a:fontRef>
        </p:style>
      </p:cxnSp>
      <p:pic>
        <p:nvPicPr>
          <p:cNvPr id="3" name="Picture 2">
            <a:extLst>
              <a:ext uri="{FF2B5EF4-FFF2-40B4-BE49-F238E27FC236}">
                <a16:creationId xmlns:a16="http://schemas.microsoft.com/office/drawing/2014/main" id="{34C27D4E-599F-FDDE-99C6-3055D6815901}"/>
              </a:ext>
            </a:extLst>
          </p:cNvPr>
          <p:cNvPicPr/>
          <p:nvPr/>
        </p:nvPicPr>
        <p:blipFill rotWithShape="1">
          <a:blip r:embed="rId2">
            <a:extLst>
              <a:ext uri="{28A0092B-C50C-407E-A947-70E740481C1C}">
                <a14:useLocalDpi xmlns:a14="http://schemas.microsoft.com/office/drawing/2010/main" val="0"/>
              </a:ext>
            </a:extLst>
          </a:blip>
          <a:srcRect l="1893" r="1893"/>
          <a:stretch/>
        </p:blipFill>
        <p:spPr bwMode="auto">
          <a:xfrm>
            <a:off x="1659118" y="1205716"/>
            <a:ext cx="8870621" cy="5183509"/>
          </a:xfrm>
          <a:prstGeom prst="roundRect">
            <a:avLst>
              <a:gd name="adj" fmla="val 2930"/>
            </a:avLst>
          </a:prstGeom>
          <a:effectLst>
            <a:outerShdw blurRad="50800" dist="38100" dir="2700000" algn="tl" rotWithShape="0">
              <a:prstClr val="black">
                <a:alpha val="20000"/>
              </a:prstClr>
            </a:outerShdw>
          </a:effectLst>
        </p:spPr>
      </p:pic>
      <p:sp>
        <p:nvSpPr>
          <p:cNvPr id="7" name="Slide Number Placeholder 5">
            <a:extLst>
              <a:ext uri="{FF2B5EF4-FFF2-40B4-BE49-F238E27FC236}">
                <a16:creationId xmlns:a16="http://schemas.microsoft.com/office/drawing/2014/main" id="{919BF5BA-5284-0233-FE89-61F115CEA8AB}"/>
              </a:ext>
            </a:extLst>
          </p:cNvPr>
          <p:cNvSpPr txBox="1">
            <a:spLocks/>
          </p:cNvSpPr>
          <p:nvPr/>
        </p:nvSpPr>
        <p:spPr>
          <a:xfrm>
            <a:off x="9349506" y="6439476"/>
            <a:ext cx="2743200" cy="365125"/>
          </a:xfrm>
          <a:prstGeom prst="rect">
            <a:avLst/>
          </a:prstGeom>
        </p:spPr>
        <p:txBody>
          <a:bodyPr vert="horz" lIns="91440" tIns="45720" rIns="91440" bIns="45720" rtlCol="0" anchor="ctr"/>
          <a:lstStyle>
            <a:defPPr>
              <a:defRPr lang="en-US"/>
            </a:defPPr>
            <a:lvl1pPr marL="0" algn="r" defTabSz="914400" rtl="0" eaLnBrk="1" latinLnBrk="0" hangingPunct="1">
              <a:defRPr sz="1200" kern="1200">
                <a:solidFill>
                  <a:schemeClr val="tx1">
                    <a:tint val="75000"/>
                  </a:schemeClr>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77068464-4C8E-431E-87E4-567733A7CD2F}" type="slidenum">
              <a:rPr lang="en-IN" sz="1000" smtClean="0">
                <a:solidFill>
                  <a:schemeClr val="bg1"/>
                </a:solidFill>
              </a:rPr>
              <a:pPr/>
              <a:t>16</a:t>
            </a:fld>
            <a:endParaRPr lang="en-IN" sz="1000">
              <a:solidFill>
                <a:schemeClr val="bg1"/>
              </a:solidFill>
            </a:endParaRPr>
          </a:p>
        </p:txBody>
      </p:sp>
    </p:spTree>
    <p:extLst>
      <p:ext uri="{BB962C8B-B14F-4D97-AF65-F5344CB8AC3E}">
        <p14:creationId xmlns:p14="http://schemas.microsoft.com/office/powerpoint/2010/main" val="1135306032"/>
      </p:ext>
    </p:extLst>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8" name="Title 1">
            <a:extLst>
              <a:ext uri="{FF2B5EF4-FFF2-40B4-BE49-F238E27FC236}">
                <a16:creationId xmlns:a16="http://schemas.microsoft.com/office/drawing/2014/main" id="{EF62E507-7BFA-F1A0-A235-E80AC4BA2A49}"/>
              </a:ext>
            </a:extLst>
          </p:cNvPr>
          <p:cNvSpPr txBox="1">
            <a:spLocks/>
          </p:cNvSpPr>
          <p:nvPr/>
        </p:nvSpPr>
        <p:spPr>
          <a:xfrm>
            <a:off x="533401" y="157024"/>
            <a:ext cx="10515600" cy="686003"/>
          </a:xfrm>
          <a:prstGeom prst="rect">
            <a:avLst/>
          </a:prstGeom>
        </p:spPr>
        <p:txBody>
          <a:bodyPr anchor="b"/>
          <a:lstStyle>
            <a:lvl1pPr algn="l" defTabSz="914400" rtl="0" eaLnBrk="1" latinLnBrk="0" hangingPunct="1">
              <a:lnSpc>
                <a:spcPct val="90000"/>
              </a:lnSpc>
              <a:spcBef>
                <a:spcPct val="0"/>
              </a:spcBef>
              <a:buNone/>
              <a:defRPr sz="2200" b="1" kern="1200">
                <a:solidFill>
                  <a:schemeClr val="tx1"/>
                </a:solidFill>
                <a:latin typeface="+mn-lt"/>
                <a:ea typeface="+mj-ea"/>
                <a:cs typeface="+mj-cs"/>
              </a:defRPr>
            </a:lvl1pPr>
          </a:lstStyle>
          <a:p>
            <a:r>
              <a:rPr lang="en-US"/>
              <a:t>LUMIFY SALES CHALLENGE</a:t>
            </a:r>
            <a:endParaRPr lang="en-IN"/>
          </a:p>
        </p:txBody>
      </p:sp>
      <p:sp>
        <p:nvSpPr>
          <p:cNvPr id="41" name="Rectangle 40">
            <a:extLst>
              <a:ext uri="{FF2B5EF4-FFF2-40B4-BE49-F238E27FC236}">
                <a16:creationId xmlns:a16="http://schemas.microsoft.com/office/drawing/2014/main" id="{3B557CB6-F09A-CCB8-E6D3-0D0D4BCCBC74}"/>
              </a:ext>
            </a:extLst>
          </p:cNvPr>
          <p:cNvSpPr/>
          <p:nvPr/>
        </p:nvSpPr>
        <p:spPr>
          <a:xfrm>
            <a:off x="0" y="5555848"/>
            <a:ext cx="12192000" cy="1302151"/>
          </a:xfrm>
          <a:prstGeom prst="rect">
            <a:avLst/>
          </a:prstGeom>
          <a:solidFill>
            <a:srgbClr val="0085BE"/>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cxnSp>
        <p:nvCxnSpPr>
          <p:cNvPr id="2" name="Straight Connector 1">
            <a:extLst>
              <a:ext uri="{FF2B5EF4-FFF2-40B4-BE49-F238E27FC236}">
                <a16:creationId xmlns:a16="http://schemas.microsoft.com/office/drawing/2014/main" id="{C6B54651-D315-75D7-F118-4699B431683F}"/>
              </a:ext>
            </a:extLst>
          </p:cNvPr>
          <p:cNvCxnSpPr/>
          <p:nvPr/>
        </p:nvCxnSpPr>
        <p:spPr>
          <a:xfrm>
            <a:off x="625303" y="882907"/>
            <a:ext cx="640080" cy="0"/>
          </a:xfrm>
          <a:prstGeom prst="line">
            <a:avLst/>
          </a:prstGeom>
          <a:ln w="28575">
            <a:solidFill>
              <a:srgbClr val="0574B0"/>
            </a:solidFill>
          </a:ln>
        </p:spPr>
        <p:style>
          <a:lnRef idx="1">
            <a:schemeClr val="accent1"/>
          </a:lnRef>
          <a:fillRef idx="0">
            <a:schemeClr val="accent1"/>
          </a:fillRef>
          <a:effectRef idx="0">
            <a:schemeClr val="accent1"/>
          </a:effectRef>
          <a:fontRef idx="minor">
            <a:schemeClr val="tx1"/>
          </a:fontRef>
        </p:style>
      </p:cxnSp>
      <p:sp>
        <p:nvSpPr>
          <p:cNvPr id="7" name="Slide Number Placeholder 5">
            <a:extLst>
              <a:ext uri="{FF2B5EF4-FFF2-40B4-BE49-F238E27FC236}">
                <a16:creationId xmlns:a16="http://schemas.microsoft.com/office/drawing/2014/main" id="{919BF5BA-5284-0233-FE89-61F115CEA8AB}"/>
              </a:ext>
            </a:extLst>
          </p:cNvPr>
          <p:cNvSpPr txBox="1">
            <a:spLocks/>
          </p:cNvSpPr>
          <p:nvPr/>
        </p:nvSpPr>
        <p:spPr>
          <a:xfrm>
            <a:off x="9349506" y="6439476"/>
            <a:ext cx="2743200" cy="365125"/>
          </a:xfrm>
          <a:prstGeom prst="rect">
            <a:avLst/>
          </a:prstGeom>
        </p:spPr>
        <p:txBody>
          <a:bodyPr vert="horz" lIns="91440" tIns="45720" rIns="91440" bIns="45720" rtlCol="0" anchor="ctr"/>
          <a:lstStyle>
            <a:defPPr>
              <a:defRPr lang="en-US"/>
            </a:defPPr>
            <a:lvl1pPr marL="0" algn="r" defTabSz="914400" rtl="0" eaLnBrk="1" latinLnBrk="0" hangingPunct="1">
              <a:defRPr sz="1200" kern="1200">
                <a:solidFill>
                  <a:schemeClr val="tx1">
                    <a:tint val="75000"/>
                  </a:schemeClr>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77068464-4C8E-431E-87E4-567733A7CD2F}" type="slidenum">
              <a:rPr lang="en-IN" sz="1000" smtClean="0">
                <a:solidFill>
                  <a:schemeClr val="bg1"/>
                </a:solidFill>
              </a:rPr>
              <a:pPr/>
              <a:t>17</a:t>
            </a:fld>
            <a:endParaRPr lang="en-IN" sz="1000">
              <a:solidFill>
                <a:schemeClr val="bg1"/>
              </a:solidFill>
            </a:endParaRPr>
          </a:p>
        </p:txBody>
      </p:sp>
      <p:pic>
        <p:nvPicPr>
          <p:cNvPr id="8" name="Picture 7">
            <a:extLst>
              <a:ext uri="{FF2B5EF4-FFF2-40B4-BE49-F238E27FC236}">
                <a16:creationId xmlns:a16="http://schemas.microsoft.com/office/drawing/2014/main" id="{69CD2037-5DAA-8135-F493-3FBD6230DB5F}"/>
              </a:ext>
            </a:extLst>
          </p:cNvPr>
          <p:cNvPicPr/>
          <p:nvPr/>
        </p:nvPicPr>
        <p:blipFill rotWithShape="1">
          <a:blip r:embed="rId2">
            <a:extLst>
              <a:ext uri="{28A0092B-C50C-407E-A947-70E740481C1C}">
                <a14:useLocalDpi xmlns:a14="http://schemas.microsoft.com/office/drawing/2010/main" val="0"/>
              </a:ext>
            </a:extLst>
          </a:blip>
          <a:srcRect l="1893" r="1893"/>
          <a:stretch/>
        </p:blipFill>
        <p:spPr bwMode="auto">
          <a:xfrm>
            <a:off x="1659118" y="1205716"/>
            <a:ext cx="8870621" cy="5183509"/>
          </a:xfrm>
          <a:prstGeom prst="roundRect">
            <a:avLst>
              <a:gd name="adj" fmla="val 2930"/>
            </a:avLst>
          </a:prstGeom>
          <a:effectLst>
            <a:outerShdw blurRad="50800" dist="38100" dir="2700000" algn="tl" rotWithShape="0">
              <a:prstClr val="black">
                <a:alpha val="20000"/>
              </a:prstClr>
            </a:outerShdw>
          </a:effectLst>
        </p:spPr>
      </p:pic>
    </p:spTree>
    <p:extLst>
      <p:ext uri="{BB962C8B-B14F-4D97-AF65-F5344CB8AC3E}">
        <p14:creationId xmlns:p14="http://schemas.microsoft.com/office/powerpoint/2010/main" val="1811318255"/>
      </p:ext>
    </p:extLst>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8" name="Title 1">
            <a:extLst>
              <a:ext uri="{FF2B5EF4-FFF2-40B4-BE49-F238E27FC236}">
                <a16:creationId xmlns:a16="http://schemas.microsoft.com/office/drawing/2014/main" id="{EF62E507-7BFA-F1A0-A235-E80AC4BA2A49}"/>
              </a:ext>
            </a:extLst>
          </p:cNvPr>
          <p:cNvSpPr txBox="1">
            <a:spLocks/>
          </p:cNvSpPr>
          <p:nvPr/>
        </p:nvSpPr>
        <p:spPr>
          <a:xfrm>
            <a:off x="533401" y="157024"/>
            <a:ext cx="10515600" cy="686003"/>
          </a:xfrm>
          <a:prstGeom prst="rect">
            <a:avLst/>
          </a:prstGeom>
        </p:spPr>
        <p:txBody>
          <a:bodyPr anchor="b"/>
          <a:lstStyle>
            <a:lvl1pPr algn="l" defTabSz="914400" rtl="0" eaLnBrk="1" latinLnBrk="0" hangingPunct="1">
              <a:lnSpc>
                <a:spcPct val="90000"/>
              </a:lnSpc>
              <a:spcBef>
                <a:spcPct val="0"/>
              </a:spcBef>
              <a:buNone/>
              <a:defRPr sz="2200" b="1" kern="1200">
                <a:solidFill>
                  <a:schemeClr val="tx1"/>
                </a:solidFill>
                <a:latin typeface="+mn-lt"/>
                <a:ea typeface="+mj-ea"/>
                <a:cs typeface="+mj-cs"/>
              </a:defRPr>
            </a:lvl1pPr>
          </a:lstStyle>
          <a:p>
            <a:r>
              <a:rPr lang="en-US"/>
              <a:t>LUMIFY SALES CHALLENGE</a:t>
            </a:r>
            <a:endParaRPr lang="en-IN"/>
          </a:p>
        </p:txBody>
      </p:sp>
      <p:sp>
        <p:nvSpPr>
          <p:cNvPr id="41" name="Rectangle 40">
            <a:extLst>
              <a:ext uri="{FF2B5EF4-FFF2-40B4-BE49-F238E27FC236}">
                <a16:creationId xmlns:a16="http://schemas.microsoft.com/office/drawing/2014/main" id="{3B557CB6-F09A-CCB8-E6D3-0D0D4BCCBC74}"/>
              </a:ext>
            </a:extLst>
          </p:cNvPr>
          <p:cNvSpPr/>
          <p:nvPr/>
        </p:nvSpPr>
        <p:spPr>
          <a:xfrm>
            <a:off x="0" y="5555848"/>
            <a:ext cx="12192000" cy="1302151"/>
          </a:xfrm>
          <a:prstGeom prst="rect">
            <a:avLst/>
          </a:prstGeom>
          <a:solidFill>
            <a:srgbClr val="0085BE"/>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cxnSp>
        <p:nvCxnSpPr>
          <p:cNvPr id="2" name="Straight Connector 1">
            <a:extLst>
              <a:ext uri="{FF2B5EF4-FFF2-40B4-BE49-F238E27FC236}">
                <a16:creationId xmlns:a16="http://schemas.microsoft.com/office/drawing/2014/main" id="{C6B54651-D315-75D7-F118-4699B431683F}"/>
              </a:ext>
            </a:extLst>
          </p:cNvPr>
          <p:cNvCxnSpPr/>
          <p:nvPr/>
        </p:nvCxnSpPr>
        <p:spPr>
          <a:xfrm>
            <a:off x="625303" y="882907"/>
            <a:ext cx="640080" cy="0"/>
          </a:xfrm>
          <a:prstGeom prst="line">
            <a:avLst/>
          </a:prstGeom>
          <a:ln w="28575">
            <a:solidFill>
              <a:srgbClr val="0574B0"/>
            </a:solidFill>
          </a:ln>
        </p:spPr>
        <p:style>
          <a:lnRef idx="1">
            <a:schemeClr val="accent1"/>
          </a:lnRef>
          <a:fillRef idx="0">
            <a:schemeClr val="accent1"/>
          </a:fillRef>
          <a:effectRef idx="0">
            <a:schemeClr val="accent1"/>
          </a:effectRef>
          <a:fontRef idx="minor">
            <a:schemeClr val="tx1"/>
          </a:fontRef>
        </p:style>
      </p:cxnSp>
      <p:sp>
        <p:nvSpPr>
          <p:cNvPr id="7" name="Slide Number Placeholder 5">
            <a:extLst>
              <a:ext uri="{FF2B5EF4-FFF2-40B4-BE49-F238E27FC236}">
                <a16:creationId xmlns:a16="http://schemas.microsoft.com/office/drawing/2014/main" id="{919BF5BA-5284-0233-FE89-61F115CEA8AB}"/>
              </a:ext>
            </a:extLst>
          </p:cNvPr>
          <p:cNvSpPr txBox="1">
            <a:spLocks/>
          </p:cNvSpPr>
          <p:nvPr/>
        </p:nvSpPr>
        <p:spPr>
          <a:xfrm>
            <a:off x="9349506" y="6439476"/>
            <a:ext cx="2743200" cy="365125"/>
          </a:xfrm>
          <a:prstGeom prst="rect">
            <a:avLst/>
          </a:prstGeom>
        </p:spPr>
        <p:txBody>
          <a:bodyPr vert="horz" lIns="91440" tIns="45720" rIns="91440" bIns="45720" rtlCol="0" anchor="ctr"/>
          <a:lstStyle>
            <a:defPPr>
              <a:defRPr lang="en-US"/>
            </a:defPPr>
            <a:lvl1pPr marL="0" algn="r" defTabSz="914400" rtl="0" eaLnBrk="1" latinLnBrk="0" hangingPunct="1">
              <a:defRPr sz="1200" kern="1200">
                <a:solidFill>
                  <a:schemeClr val="tx1">
                    <a:tint val="75000"/>
                  </a:schemeClr>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77068464-4C8E-431E-87E4-567733A7CD2F}" type="slidenum">
              <a:rPr lang="en-IN" sz="1000" smtClean="0">
                <a:solidFill>
                  <a:schemeClr val="bg1"/>
                </a:solidFill>
              </a:rPr>
              <a:pPr/>
              <a:t>18</a:t>
            </a:fld>
            <a:endParaRPr lang="en-IN" sz="1000">
              <a:solidFill>
                <a:schemeClr val="bg1"/>
              </a:solidFill>
            </a:endParaRPr>
          </a:p>
        </p:txBody>
      </p:sp>
      <p:pic>
        <p:nvPicPr>
          <p:cNvPr id="8" name="Picture 7">
            <a:extLst>
              <a:ext uri="{FF2B5EF4-FFF2-40B4-BE49-F238E27FC236}">
                <a16:creationId xmlns:a16="http://schemas.microsoft.com/office/drawing/2014/main" id="{5030C1C0-4810-B799-E30C-419C5182B319}"/>
              </a:ext>
            </a:extLst>
          </p:cNvPr>
          <p:cNvPicPr/>
          <p:nvPr/>
        </p:nvPicPr>
        <p:blipFill rotWithShape="1">
          <a:blip r:embed="rId2">
            <a:extLst>
              <a:ext uri="{28A0092B-C50C-407E-A947-70E740481C1C}">
                <a14:useLocalDpi xmlns:a14="http://schemas.microsoft.com/office/drawing/2010/main" val="0"/>
              </a:ext>
            </a:extLst>
          </a:blip>
          <a:srcRect l="1893" r="1893"/>
          <a:stretch/>
        </p:blipFill>
        <p:spPr bwMode="auto">
          <a:xfrm>
            <a:off x="1659118" y="1205716"/>
            <a:ext cx="8870621" cy="5183509"/>
          </a:xfrm>
          <a:prstGeom prst="roundRect">
            <a:avLst>
              <a:gd name="adj" fmla="val 2930"/>
            </a:avLst>
          </a:prstGeom>
          <a:effectLst>
            <a:outerShdw blurRad="50800" dist="38100" dir="2700000" algn="tl" rotWithShape="0">
              <a:prstClr val="black">
                <a:alpha val="20000"/>
              </a:prstClr>
            </a:outerShdw>
          </a:effectLst>
        </p:spPr>
      </p:pic>
    </p:spTree>
    <p:extLst>
      <p:ext uri="{BB962C8B-B14F-4D97-AF65-F5344CB8AC3E}">
        <p14:creationId xmlns:p14="http://schemas.microsoft.com/office/powerpoint/2010/main" val="2312775262"/>
      </p:ext>
    </p:extLst>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8" name="Title 1">
            <a:extLst>
              <a:ext uri="{FF2B5EF4-FFF2-40B4-BE49-F238E27FC236}">
                <a16:creationId xmlns:a16="http://schemas.microsoft.com/office/drawing/2014/main" id="{EF62E507-7BFA-F1A0-A235-E80AC4BA2A49}"/>
              </a:ext>
            </a:extLst>
          </p:cNvPr>
          <p:cNvSpPr txBox="1">
            <a:spLocks/>
          </p:cNvSpPr>
          <p:nvPr/>
        </p:nvSpPr>
        <p:spPr>
          <a:xfrm>
            <a:off x="533401" y="157024"/>
            <a:ext cx="10515600" cy="686003"/>
          </a:xfrm>
          <a:prstGeom prst="rect">
            <a:avLst/>
          </a:prstGeom>
        </p:spPr>
        <p:txBody>
          <a:bodyPr anchor="b"/>
          <a:lstStyle>
            <a:lvl1pPr algn="l" defTabSz="914400" rtl="0" eaLnBrk="1" latinLnBrk="0" hangingPunct="1">
              <a:lnSpc>
                <a:spcPct val="90000"/>
              </a:lnSpc>
              <a:spcBef>
                <a:spcPct val="0"/>
              </a:spcBef>
              <a:buNone/>
              <a:defRPr sz="2200" b="1" kern="1200">
                <a:solidFill>
                  <a:schemeClr val="tx1"/>
                </a:solidFill>
                <a:latin typeface="+mn-lt"/>
                <a:ea typeface="+mj-ea"/>
                <a:cs typeface="+mj-cs"/>
              </a:defRPr>
            </a:lvl1pPr>
          </a:lstStyle>
          <a:p>
            <a:r>
              <a:rPr lang="en-US"/>
              <a:t>LUMIFY SALES CHALLENGE</a:t>
            </a:r>
            <a:endParaRPr lang="en-IN"/>
          </a:p>
        </p:txBody>
      </p:sp>
      <p:sp>
        <p:nvSpPr>
          <p:cNvPr id="41" name="Rectangle 40">
            <a:extLst>
              <a:ext uri="{FF2B5EF4-FFF2-40B4-BE49-F238E27FC236}">
                <a16:creationId xmlns:a16="http://schemas.microsoft.com/office/drawing/2014/main" id="{3B557CB6-F09A-CCB8-E6D3-0D0D4BCCBC74}"/>
              </a:ext>
            </a:extLst>
          </p:cNvPr>
          <p:cNvSpPr/>
          <p:nvPr/>
        </p:nvSpPr>
        <p:spPr>
          <a:xfrm>
            <a:off x="0" y="5555848"/>
            <a:ext cx="12192000" cy="1302151"/>
          </a:xfrm>
          <a:prstGeom prst="rect">
            <a:avLst/>
          </a:prstGeom>
          <a:solidFill>
            <a:srgbClr val="0085BE"/>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cxnSp>
        <p:nvCxnSpPr>
          <p:cNvPr id="2" name="Straight Connector 1">
            <a:extLst>
              <a:ext uri="{FF2B5EF4-FFF2-40B4-BE49-F238E27FC236}">
                <a16:creationId xmlns:a16="http://schemas.microsoft.com/office/drawing/2014/main" id="{C6B54651-D315-75D7-F118-4699B431683F}"/>
              </a:ext>
            </a:extLst>
          </p:cNvPr>
          <p:cNvCxnSpPr/>
          <p:nvPr/>
        </p:nvCxnSpPr>
        <p:spPr>
          <a:xfrm>
            <a:off x="625303" y="882907"/>
            <a:ext cx="640080" cy="0"/>
          </a:xfrm>
          <a:prstGeom prst="line">
            <a:avLst/>
          </a:prstGeom>
          <a:ln w="28575">
            <a:solidFill>
              <a:srgbClr val="0574B0"/>
            </a:solidFill>
          </a:ln>
        </p:spPr>
        <p:style>
          <a:lnRef idx="1">
            <a:schemeClr val="accent1"/>
          </a:lnRef>
          <a:fillRef idx="0">
            <a:schemeClr val="accent1"/>
          </a:fillRef>
          <a:effectRef idx="0">
            <a:schemeClr val="accent1"/>
          </a:effectRef>
          <a:fontRef idx="minor">
            <a:schemeClr val="tx1"/>
          </a:fontRef>
        </p:style>
      </p:cxnSp>
      <p:sp>
        <p:nvSpPr>
          <p:cNvPr id="7" name="Slide Number Placeholder 5">
            <a:extLst>
              <a:ext uri="{FF2B5EF4-FFF2-40B4-BE49-F238E27FC236}">
                <a16:creationId xmlns:a16="http://schemas.microsoft.com/office/drawing/2014/main" id="{919BF5BA-5284-0233-FE89-61F115CEA8AB}"/>
              </a:ext>
            </a:extLst>
          </p:cNvPr>
          <p:cNvSpPr txBox="1">
            <a:spLocks/>
          </p:cNvSpPr>
          <p:nvPr/>
        </p:nvSpPr>
        <p:spPr>
          <a:xfrm>
            <a:off x="9349506" y="6439476"/>
            <a:ext cx="2743200" cy="365125"/>
          </a:xfrm>
          <a:prstGeom prst="rect">
            <a:avLst/>
          </a:prstGeom>
        </p:spPr>
        <p:txBody>
          <a:bodyPr vert="horz" lIns="91440" tIns="45720" rIns="91440" bIns="45720" rtlCol="0" anchor="ctr"/>
          <a:lstStyle>
            <a:defPPr>
              <a:defRPr lang="en-US"/>
            </a:defPPr>
            <a:lvl1pPr marL="0" algn="r" defTabSz="914400" rtl="0" eaLnBrk="1" latinLnBrk="0" hangingPunct="1">
              <a:defRPr sz="1200" kern="1200">
                <a:solidFill>
                  <a:schemeClr val="tx1">
                    <a:tint val="75000"/>
                  </a:schemeClr>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77068464-4C8E-431E-87E4-567733A7CD2F}" type="slidenum">
              <a:rPr lang="en-IN" sz="1000" smtClean="0">
                <a:solidFill>
                  <a:schemeClr val="bg1"/>
                </a:solidFill>
              </a:rPr>
              <a:pPr/>
              <a:t>19</a:t>
            </a:fld>
            <a:endParaRPr lang="en-IN" sz="1000">
              <a:solidFill>
                <a:schemeClr val="bg1"/>
              </a:solidFill>
            </a:endParaRPr>
          </a:p>
        </p:txBody>
      </p:sp>
      <p:pic>
        <p:nvPicPr>
          <p:cNvPr id="8" name="Picture 7">
            <a:extLst>
              <a:ext uri="{FF2B5EF4-FFF2-40B4-BE49-F238E27FC236}">
                <a16:creationId xmlns:a16="http://schemas.microsoft.com/office/drawing/2014/main" id="{8B4532F5-41A6-7911-F533-7DA8865DFE41}"/>
              </a:ext>
            </a:extLst>
          </p:cNvPr>
          <p:cNvPicPr/>
          <p:nvPr/>
        </p:nvPicPr>
        <p:blipFill rotWithShape="1">
          <a:blip r:embed="rId2">
            <a:extLst>
              <a:ext uri="{28A0092B-C50C-407E-A947-70E740481C1C}">
                <a14:useLocalDpi xmlns:a14="http://schemas.microsoft.com/office/drawing/2010/main" val="0"/>
              </a:ext>
            </a:extLst>
          </a:blip>
          <a:srcRect l="1893" r="1893"/>
          <a:stretch/>
        </p:blipFill>
        <p:spPr bwMode="auto">
          <a:xfrm>
            <a:off x="1659118" y="1205716"/>
            <a:ext cx="8870621" cy="5183509"/>
          </a:xfrm>
          <a:prstGeom prst="roundRect">
            <a:avLst>
              <a:gd name="adj" fmla="val 2930"/>
            </a:avLst>
          </a:prstGeom>
          <a:effectLst>
            <a:outerShdw blurRad="50800" dist="38100" dir="2700000" algn="tl" rotWithShape="0">
              <a:prstClr val="black">
                <a:alpha val="20000"/>
              </a:prstClr>
            </a:outerShdw>
          </a:effectLst>
        </p:spPr>
      </p:pic>
    </p:spTree>
    <p:extLst>
      <p:ext uri="{BB962C8B-B14F-4D97-AF65-F5344CB8AC3E}">
        <p14:creationId xmlns:p14="http://schemas.microsoft.com/office/powerpoint/2010/main" val="3547774638"/>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BEEB427A-E741-6D7B-9C24-CD391DE84075}"/>
              </a:ext>
            </a:extLst>
          </p:cNvPr>
          <p:cNvSpPr>
            <a:spLocks noGrp="1"/>
          </p:cNvSpPr>
          <p:nvPr>
            <p:ph type="title"/>
          </p:nvPr>
        </p:nvSpPr>
        <p:spPr/>
        <p:txBody>
          <a:bodyPr/>
          <a:lstStyle/>
          <a:p>
            <a:r>
              <a:rPr lang="en-IN"/>
              <a:t>APTARA OVERVIEW</a:t>
            </a:r>
          </a:p>
        </p:txBody>
      </p:sp>
      <p:grpSp>
        <p:nvGrpSpPr>
          <p:cNvPr id="3" name="Group 2">
            <a:extLst>
              <a:ext uri="{FF2B5EF4-FFF2-40B4-BE49-F238E27FC236}">
                <a16:creationId xmlns:a16="http://schemas.microsoft.com/office/drawing/2014/main" id="{FDE52736-1A5A-6DAD-CE65-5ED52264D440}"/>
              </a:ext>
            </a:extLst>
          </p:cNvPr>
          <p:cNvGrpSpPr/>
          <p:nvPr/>
        </p:nvGrpSpPr>
        <p:grpSpPr>
          <a:xfrm>
            <a:off x="318961" y="1301106"/>
            <a:ext cx="11250665" cy="4907067"/>
            <a:chOff x="830356" y="1676545"/>
            <a:chExt cx="10227880" cy="4460963"/>
          </a:xfrm>
        </p:grpSpPr>
        <p:sp>
          <p:nvSpPr>
            <p:cNvPr id="4" name="TextBox 3">
              <a:extLst>
                <a:ext uri="{FF2B5EF4-FFF2-40B4-BE49-F238E27FC236}">
                  <a16:creationId xmlns:a16="http://schemas.microsoft.com/office/drawing/2014/main" id="{DCA487D1-5B79-C054-AC0D-BB38B2A1CDAF}"/>
                </a:ext>
              </a:extLst>
            </p:cNvPr>
            <p:cNvSpPr txBox="1"/>
            <p:nvPr/>
          </p:nvSpPr>
          <p:spPr>
            <a:xfrm>
              <a:off x="1139682" y="2261852"/>
              <a:ext cx="1333013" cy="327588"/>
            </a:xfrm>
            <a:prstGeom prst="rect">
              <a:avLst/>
            </a:prstGeom>
            <a:noFill/>
            <a:ln w="9525">
              <a:noFill/>
              <a:miter lim="800000"/>
              <a:headEnd/>
              <a:tailEnd/>
            </a:ln>
            <a:effectLst/>
          </p:spPr>
          <p:txBody>
            <a:bodyPr/>
            <a:lstStyle/>
            <a:p>
              <a:pPr algn="ctr">
                <a:lnSpc>
                  <a:spcPct val="150000"/>
                </a:lnSpc>
                <a:defRPr/>
              </a:pPr>
              <a:r>
                <a:rPr lang="en-IN" sz="800" kern="0">
                  <a:solidFill>
                    <a:srgbClr val="404040"/>
                  </a:solidFill>
                  <a:latin typeface="Roboto "/>
                  <a:ea typeface="Roboto light" panose="02000000000000000000" pitchFamily="2" charset="0"/>
                  <a:cs typeface="Roboto light" panose="02000000000000000000" pitchFamily="2" charset="0"/>
                </a:rPr>
                <a:t>Headquartered in the</a:t>
              </a:r>
            </a:p>
          </p:txBody>
        </p:sp>
        <p:sp>
          <p:nvSpPr>
            <p:cNvPr id="46" name="TextBox 45">
              <a:extLst>
                <a:ext uri="{FF2B5EF4-FFF2-40B4-BE49-F238E27FC236}">
                  <a16:creationId xmlns:a16="http://schemas.microsoft.com/office/drawing/2014/main" id="{813B4464-FA76-1F2D-4B03-25B617D08B06}"/>
                </a:ext>
              </a:extLst>
            </p:cNvPr>
            <p:cNvSpPr txBox="1"/>
            <p:nvPr/>
          </p:nvSpPr>
          <p:spPr>
            <a:xfrm>
              <a:off x="2963183" y="2261852"/>
              <a:ext cx="1754155" cy="584775"/>
            </a:xfrm>
            <a:prstGeom prst="rect">
              <a:avLst/>
            </a:prstGeom>
            <a:noFill/>
          </p:spPr>
          <p:txBody>
            <a:bodyPr wrap="square">
              <a:spAutoFit/>
            </a:bodyPr>
            <a:lstStyle/>
            <a:p>
              <a:pPr algn="ctr" defTabSz="685800">
                <a:defRPr/>
              </a:pPr>
              <a:r>
                <a:rPr lang="en-US" sz="800" kern="0">
                  <a:solidFill>
                    <a:srgbClr val="404040"/>
                  </a:solidFill>
                  <a:latin typeface="Roboto "/>
                  <a:ea typeface="Roboto light" panose="02000000000000000000" pitchFamily="2" charset="0"/>
                  <a:cs typeface="Roboto light" panose="02000000000000000000" pitchFamily="2" charset="0"/>
                </a:rPr>
                <a:t>employees worldwide </a:t>
              </a:r>
            </a:p>
            <a:p>
              <a:pPr algn="ctr" defTabSz="685800">
                <a:defRPr/>
              </a:pPr>
              <a:r>
                <a:rPr lang="en-US" sz="800" kern="0">
                  <a:solidFill>
                    <a:srgbClr val="404040"/>
                  </a:solidFill>
                  <a:latin typeface="Roboto "/>
                  <a:ea typeface="Roboto light" panose="02000000000000000000" pitchFamily="2" charset="0"/>
                  <a:cs typeface="Roboto light" panose="02000000000000000000" pitchFamily="2" charset="0"/>
                </a:rPr>
                <a:t>across our global delivery centers and service lines. Aptara employees approximately </a:t>
              </a:r>
              <a:r>
                <a:rPr lang="en-US" sz="800" kern="0">
                  <a:solidFill>
                    <a:srgbClr val="0085BE"/>
                  </a:solidFill>
                  <a:latin typeface="Roboto "/>
                  <a:ea typeface="Roboto light" panose="02000000000000000000" pitchFamily="2" charset="0"/>
                  <a:cs typeface="Roboto light" panose="02000000000000000000" pitchFamily="2" charset="0"/>
                </a:rPr>
                <a:t>5000. </a:t>
              </a:r>
            </a:p>
          </p:txBody>
        </p:sp>
        <p:sp>
          <p:nvSpPr>
            <p:cNvPr id="47" name="TextBox 111">
              <a:extLst>
                <a:ext uri="{FF2B5EF4-FFF2-40B4-BE49-F238E27FC236}">
                  <a16:creationId xmlns:a16="http://schemas.microsoft.com/office/drawing/2014/main" id="{5EE9BA51-6CF0-BCD5-6384-B26320D541AE}"/>
                </a:ext>
              </a:extLst>
            </p:cNvPr>
            <p:cNvSpPr txBox="1"/>
            <p:nvPr/>
          </p:nvSpPr>
          <p:spPr>
            <a:xfrm>
              <a:off x="5415142" y="2215197"/>
              <a:ext cx="941340" cy="678930"/>
            </a:xfrm>
            <a:prstGeom prst="rect">
              <a:avLst/>
            </a:prstGeom>
            <a:noFill/>
            <a:ln w="9525">
              <a:noFill/>
              <a:miter lim="800000"/>
              <a:headEnd/>
              <a:tailEnd/>
            </a:ln>
            <a:effectLst/>
          </p:spPr>
          <p:txBody>
            <a:bodyPr/>
            <a:lstStyle/>
            <a:p>
              <a:pPr algn="ctr">
                <a:lnSpc>
                  <a:spcPts val="1900"/>
                </a:lnSpc>
                <a:defRPr/>
              </a:pPr>
              <a:r>
                <a:rPr lang="en-IN" sz="1050" kern="0">
                  <a:solidFill>
                    <a:srgbClr val="0085BE"/>
                  </a:solidFill>
                  <a:latin typeface="Roboto "/>
                  <a:ea typeface="Roboto light" panose="02000000000000000000" pitchFamily="2" charset="0"/>
                  <a:cs typeface="Roboto light" panose="02000000000000000000" pitchFamily="2" charset="0"/>
                </a:rPr>
                <a:t>9</a:t>
              </a:r>
            </a:p>
            <a:p>
              <a:pPr algn="ctr">
                <a:defRPr/>
              </a:pPr>
              <a:r>
                <a:rPr lang="en-US" sz="800" kern="0">
                  <a:solidFill>
                    <a:srgbClr val="404040"/>
                  </a:solidFill>
                  <a:latin typeface="Roboto "/>
                  <a:ea typeface="Roboto light" panose="02000000000000000000" pitchFamily="2" charset="0"/>
                  <a:cs typeface="Roboto light" panose="02000000000000000000" pitchFamily="2" charset="0"/>
                </a:rPr>
                <a:t>Global delivery</a:t>
              </a:r>
            </a:p>
            <a:p>
              <a:pPr algn="ctr">
                <a:defRPr/>
              </a:pPr>
              <a:r>
                <a:rPr lang="en-US" sz="800" kern="0">
                  <a:solidFill>
                    <a:srgbClr val="404040"/>
                  </a:solidFill>
                  <a:latin typeface="Roboto "/>
                  <a:ea typeface="Roboto light" panose="02000000000000000000" pitchFamily="2" charset="0"/>
                  <a:cs typeface="Roboto light" panose="02000000000000000000" pitchFamily="2" charset="0"/>
                </a:rPr>
                <a:t>centers</a:t>
              </a:r>
            </a:p>
          </p:txBody>
        </p:sp>
        <p:pic>
          <p:nvPicPr>
            <p:cNvPr id="48" name="Graphic 47">
              <a:extLst>
                <a:ext uri="{FF2B5EF4-FFF2-40B4-BE49-F238E27FC236}">
                  <a16:creationId xmlns:a16="http://schemas.microsoft.com/office/drawing/2014/main" id="{6EFA5CFF-62D5-62C8-6D5C-06ACE785A919}"/>
                </a:ext>
              </a:extLst>
            </p:cNvPr>
            <p:cNvPicPr>
              <a:picLocks noChangeAspect="1"/>
            </p:cNvPicPr>
            <p:nvPr/>
          </p:nvPicPr>
          <p:blipFill>
            <a:blip r:embed="rId2">
              <a:extLst>
                <a:ext uri="{96DAC541-7B7A-43D3-8B79-37D633B846F1}">
                  <asvg:svgBlip xmlns:asvg="http://schemas.microsoft.com/office/drawing/2016/SVG/main" r:embed="rId3"/>
                </a:ext>
              </a:extLst>
            </a:blip>
            <a:stretch>
              <a:fillRect/>
            </a:stretch>
          </p:blipFill>
          <p:spPr>
            <a:xfrm>
              <a:off x="5622976" y="3267547"/>
              <a:ext cx="525673" cy="525673"/>
            </a:xfrm>
            <a:prstGeom prst="rect">
              <a:avLst/>
            </a:prstGeom>
          </p:spPr>
        </p:pic>
        <p:sp>
          <p:nvSpPr>
            <p:cNvPr id="49" name="TextBox 48">
              <a:extLst>
                <a:ext uri="{FF2B5EF4-FFF2-40B4-BE49-F238E27FC236}">
                  <a16:creationId xmlns:a16="http://schemas.microsoft.com/office/drawing/2014/main" id="{1CE7A190-E326-99C4-F14E-D634BEABF8A2}"/>
                </a:ext>
              </a:extLst>
            </p:cNvPr>
            <p:cNvSpPr txBox="1"/>
            <p:nvPr/>
          </p:nvSpPr>
          <p:spPr>
            <a:xfrm>
              <a:off x="5618740" y="3384383"/>
              <a:ext cx="534145" cy="292000"/>
            </a:xfrm>
            <a:prstGeom prst="rect">
              <a:avLst/>
            </a:prstGeom>
          </p:spPr>
          <p:txBody>
            <a:bodyPr/>
            <a:lstStyle/>
            <a:p>
              <a:pPr algn="ctr">
                <a:defRPr/>
              </a:pPr>
              <a:r>
                <a:rPr lang="en-IN" sz="1200" kern="0">
                  <a:solidFill>
                    <a:srgbClr val="0085BE"/>
                  </a:solidFill>
                  <a:latin typeface="Roboto "/>
                  <a:ea typeface="Roboto light" panose="02000000000000000000" pitchFamily="2" charset="0"/>
                  <a:cs typeface="Roboto light" panose="02000000000000000000" pitchFamily="2" charset="0"/>
                </a:rPr>
                <a:t>12</a:t>
              </a:r>
              <a:r>
                <a:rPr lang="en-IN" sz="1200" kern="0" baseline="30000">
                  <a:solidFill>
                    <a:srgbClr val="0085BE"/>
                  </a:solidFill>
                  <a:latin typeface="Roboto "/>
                  <a:ea typeface="Roboto light" panose="02000000000000000000" pitchFamily="2" charset="0"/>
                  <a:cs typeface="Roboto light" panose="02000000000000000000" pitchFamily="2" charset="0"/>
                </a:rPr>
                <a:t>th</a:t>
              </a:r>
              <a:r>
                <a:rPr lang="en-IN" sz="1200" kern="0">
                  <a:solidFill>
                    <a:srgbClr val="0085BE"/>
                  </a:solidFill>
                  <a:latin typeface="Roboto "/>
                  <a:ea typeface="Roboto light" panose="02000000000000000000" pitchFamily="2" charset="0"/>
                  <a:cs typeface="Roboto light" panose="02000000000000000000" pitchFamily="2" charset="0"/>
                </a:rPr>
                <a:t> </a:t>
              </a:r>
            </a:p>
          </p:txBody>
        </p:sp>
        <p:cxnSp>
          <p:nvCxnSpPr>
            <p:cNvPr id="50" name="Straight Connector 49">
              <a:extLst>
                <a:ext uri="{FF2B5EF4-FFF2-40B4-BE49-F238E27FC236}">
                  <a16:creationId xmlns:a16="http://schemas.microsoft.com/office/drawing/2014/main" id="{8D06C9E3-FD59-A2F9-623E-B4B6E1D90833}"/>
                </a:ext>
              </a:extLst>
            </p:cNvPr>
            <p:cNvCxnSpPr/>
            <p:nvPr/>
          </p:nvCxnSpPr>
          <p:spPr>
            <a:xfrm>
              <a:off x="2798597" y="1689455"/>
              <a:ext cx="0" cy="4439618"/>
            </a:xfrm>
            <a:prstGeom prst="line">
              <a:avLst/>
            </a:prstGeom>
            <a:ln>
              <a:solidFill>
                <a:schemeClr val="bg1">
                  <a:lumMod val="85000"/>
                </a:schemeClr>
              </a:solidFill>
              <a:prstDash val="sysDash"/>
            </a:ln>
          </p:spPr>
          <p:style>
            <a:lnRef idx="1">
              <a:schemeClr val="accent1"/>
            </a:lnRef>
            <a:fillRef idx="0">
              <a:schemeClr val="accent1"/>
            </a:fillRef>
            <a:effectRef idx="0">
              <a:schemeClr val="accent1"/>
            </a:effectRef>
            <a:fontRef idx="minor">
              <a:schemeClr val="tx1"/>
            </a:fontRef>
          </p:style>
        </p:cxnSp>
        <p:cxnSp>
          <p:nvCxnSpPr>
            <p:cNvPr id="51" name="Straight Connector 50">
              <a:extLst>
                <a:ext uri="{FF2B5EF4-FFF2-40B4-BE49-F238E27FC236}">
                  <a16:creationId xmlns:a16="http://schemas.microsoft.com/office/drawing/2014/main" id="{1663902F-8DB3-5E24-BE1F-1599F43C32B1}"/>
                </a:ext>
              </a:extLst>
            </p:cNvPr>
            <p:cNvCxnSpPr/>
            <p:nvPr/>
          </p:nvCxnSpPr>
          <p:spPr>
            <a:xfrm>
              <a:off x="4855997" y="1689455"/>
              <a:ext cx="0" cy="4439618"/>
            </a:xfrm>
            <a:prstGeom prst="line">
              <a:avLst/>
            </a:prstGeom>
            <a:ln>
              <a:solidFill>
                <a:schemeClr val="bg1">
                  <a:lumMod val="85000"/>
                </a:schemeClr>
              </a:solidFill>
              <a:prstDash val="sysDash"/>
            </a:ln>
          </p:spPr>
          <p:style>
            <a:lnRef idx="1">
              <a:schemeClr val="accent1"/>
            </a:lnRef>
            <a:fillRef idx="0">
              <a:schemeClr val="accent1"/>
            </a:fillRef>
            <a:effectRef idx="0">
              <a:schemeClr val="accent1"/>
            </a:effectRef>
            <a:fontRef idx="minor">
              <a:schemeClr val="tx1"/>
            </a:fontRef>
          </p:style>
        </p:cxnSp>
        <p:cxnSp>
          <p:nvCxnSpPr>
            <p:cNvPr id="52" name="Straight Connector 51">
              <a:extLst>
                <a:ext uri="{FF2B5EF4-FFF2-40B4-BE49-F238E27FC236}">
                  <a16:creationId xmlns:a16="http://schemas.microsoft.com/office/drawing/2014/main" id="{5C0D3D94-8E99-DB16-5EA4-19448B5FCA81}"/>
                </a:ext>
              </a:extLst>
            </p:cNvPr>
            <p:cNvCxnSpPr/>
            <p:nvPr/>
          </p:nvCxnSpPr>
          <p:spPr>
            <a:xfrm>
              <a:off x="6913397" y="1689455"/>
              <a:ext cx="0" cy="4439618"/>
            </a:xfrm>
            <a:prstGeom prst="line">
              <a:avLst/>
            </a:prstGeom>
            <a:ln>
              <a:solidFill>
                <a:schemeClr val="bg1">
                  <a:lumMod val="85000"/>
                </a:schemeClr>
              </a:solidFill>
              <a:prstDash val="sysDash"/>
            </a:ln>
          </p:spPr>
          <p:style>
            <a:lnRef idx="1">
              <a:schemeClr val="accent1"/>
            </a:lnRef>
            <a:fillRef idx="0">
              <a:schemeClr val="accent1"/>
            </a:fillRef>
            <a:effectRef idx="0">
              <a:schemeClr val="accent1"/>
            </a:effectRef>
            <a:fontRef idx="minor">
              <a:schemeClr val="tx1"/>
            </a:fontRef>
          </p:style>
        </p:cxnSp>
        <p:grpSp>
          <p:nvGrpSpPr>
            <p:cNvPr id="53" name="Group 52">
              <a:extLst>
                <a:ext uri="{FF2B5EF4-FFF2-40B4-BE49-F238E27FC236}">
                  <a16:creationId xmlns:a16="http://schemas.microsoft.com/office/drawing/2014/main" id="{0B30558C-86D4-203F-BB1E-E63E7710F81E}"/>
                </a:ext>
              </a:extLst>
            </p:cNvPr>
            <p:cNvGrpSpPr/>
            <p:nvPr/>
          </p:nvGrpSpPr>
          <p:grpSpPr>
            <a:xfrm>
              <a:off x="1032556" y="3049938"/>
              <a:ext cx="7664522" cy="1560947"/>
              <a:chOff x="1126475" y="2970210"/>
              <a:chExt cx="8229600" cy="1560947"/>
            </a:xfrm>
          </p:grpSpPr>
          <p:cxnSp>
            <p:nvCxnSpPr>
              <p:cNvPr id="84" name="Straight Connector 83">
                <a:extLst>
                  <a:ext uri="{FF2B5EF4-FFF2-40B4-BE49-F238E27FC236}">
                    <a16:creationId xmlns:a16="http://schemas.microsoft.com/office/drawing/2014/main" id="{187DEA3E-6BAE-A741-98EF-84E42CDE8C32}"/>
                  </a:ext>
                </a:extLst>
              </p:cNvPr>
              <p:cNvCxnSpPr/>
              <p:nvPr/>
            </p:nvCxnSpPr>
            <p:spPr>
              <a:xfrm rot="16200000">
                <a:off x="5241275" y="-1144590"/>
                <a:ext cx="0" cy="8229600"/>
              </a:xfrm>
              <a:prstGeom prst="line">
                <a:avLst/>
              </a:prstGeom>
              <a:ln>
                <a:solidFill>
                  <a:schemeClr val="bg1">
                    <a:lumMod val="85000"/>
                  </a:schemeClr>
                </a:solidFill>
                <a:prstDash val="sysDash"/>
              </a:ln>
            </p:spPr>
            <p:style>
              <a:lnRef idx="1">
                <a:schemeClr val="accent1"/>
              </a:lnRef>
              <a:fillRef idx="0">
                <a:schemeClr val="accent1"/>
              </a:fillRef>
              <a:effectRef idx="0">
                <a:schemeClr val="accent1"/>
              </a:effectRef>
              <a:fontRef idx="minor">
                <a:schemeClr val="tx1"/>
              </a:fontRef>
            </p:style>
          </p:cxnSp>
          <p:cxnSp>
            <p:nvCxnSpPr>
              <p:cNvPr id="85" name="Straight Connector 84">
                <a:extLst>
                  <a:ext uri="{FF2B5EF4-FFF2-40B4-BE49-F238E27FC236}">
                    <a16:creationId xmlns:a16="http://schemas.microsoft.com/office/drawing/2014/main" id="{ADC0CEC4-262F-CA77-7A2B-2C4BBF43FE0F}"/>
                  </a:ext>
                </a:extLst>
              </p:cNvPr>
              <p:cNvCxnSpPr/>
              <p:nvPr/>
            </p:nvCxnSpPr>
            <p:spPr>
              <a:xfrm rot="16200000">
                <a:off x="5241275" y="416357"/>
                <a:ext cx="0" cy="8229600"/>
              </a:xfrm>
              <a:prstGeom prst="line">
                <a:avLst/>
              </a:prstGeom>
              <a:ln>
                <a:solidFill>
                  <a:schemeClr val="bg1">
                    <a:lumMod val="85000"/>
                  </a:schemeClr>
                </a:solidFill>
                <a:prstDash val="sysDash"/>
              </a:ln>
            </p:spPr>
            <p:style>
              <a:lnRef idx="1">
                <a:schemeClr val="accent1"/>
              </a:lnRef>
              <a:fillRef idx="0">
                <a:schemeClr val="accent1"/>
              </a:fillRef>
              <a:effectRef idx="0">
                <a:schemeClr val="accent1"/>
              </a:effectRef>
              <a:fontRef idx="minor">
                <a:schemeClr val="tx1"/>
              </a:fontRef>
            </p:style>
          </p:cxnSp>
        </p:grpSp>
        <p:pic>
          <p:nvPicPr>
            <p:cNvPr id="54" name="Graphic 53">
              <a:extLst>
                <a:ext uri="{FF2B5EF4-FFF2-40B4-BE49-F238E27FC236}">
                  <a16:creationId xmlns:a16="http://schemas.microsoft.com/office/drawing/2014/main" id="{DF483626-0C31-08ED-55A6-FF2D55C91BCC}"/>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5671122" y="1711235"/>
              <a:ext cx="429380" cy="444446"/>
            </a:xfrm>
            <a:prstGeom prst="rect">
              <a:avLst/>
            </a:prstGeom>
          </p:spPr>
        </p:pic>
        <p:pic>
          <p:nvPicPr>
            <p:cNvPr id="55" name="Graphic 54">
              <a:extLst>
                <a:ext uri="{FF2B5EF4-FFF2-40B4-BE49-F238E27FC236}">
                  <a16:creationId xmlns:a16="http://schemas.microsoft.com/office/drawing/2014/main" id="{CA903F96-A4A0-B404-05AD-C71BF5DA8BBC}"/>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1562063" y="4826653"/>
              <a:ext cx="456570" cy="330620"/>
            </a:xfrm>
            <a:prstGeom prst="rect">
              <a:avLst/>
            </a:prstGeom>
          </p:spPr>
        </p:pic>
        <p:pic>
          <p:nvPicPr>
            <p:cNvPr id="56" name="Graphic 55">
              <a:extLst>
                <a:ext uri="{FF2B5EF4-FFF2-40B4-BE49-F238E27FC236}">
                  <a16:creationId xmlns:a16="http://schemas.microsoft.com/office/drawing/2014/main" id="{0679BB5A-C968-A1CC-E59C-9F54FB3B252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7660634" y="1749950"/>
              <a:ext cx="367016" cy="367016"/>
            </a:xfrm>
            <a:prstGeom prst="rect">
              <a:avLst/>
            </a:prstGeom>
          </p:spPr>
        </p:pic>
        <p:pic>
          <p:nvPicPr>
            <p:cNvPr id="57" name="Graphic 56">
              <a:extLst>
                <a:ext uri="{FF2B5EF4-FFF2-40B4-BE49-F238E27FC236}">
                  <a16:creationId xmlns:a16="http://schemas.microsoft.com/office/drawing/2014/main" id="{9DBB6742-35F2-E7D9-7341-5C11F912D3C8}"/>
                </a:ext>
              </a:extLst>
            </p:cNvPr>
            <p:cNvPicPr>
              <a:picLocks noChangeAspect="1"/>
            </p:cNvPicPr>
            <p:nvPr/>
          </p:nvPicPr>
          <p:blipFill>
            <a:blip r:embed="rId10" cstate="screen">
              <a:extLst>
                <a:ext uri="{28A0092B-C50C-407E-A947-70E740481C1C}">
                  <a14:useLocalDpi xmlns:a14="http://schemas.microsoft.com/office/drawing/2010/main"/>
                </a:ext>
                <a:ext uri="{96DAC541-7B7A-43D3-8B79-37D633B846F1}">
                  <asvg:svgBlip xmlns:asvg="http://schemas.microsoft.com/office/drawing/2016/SVG/main" r:embed="rId11"/>
                </a:ext>
              </a:extLst>
            </a:blip>
            <a:stretch>
              <a:fillRect/>
            </a:stretch>
          </p:blipFill>
          <p:spPr>
            <a:xfrm>
              <a:off x="3627763" y="3340552"/>
              <a:ext cx="424995" cy="379662"/>
            </a:xfrm>
            <a:prstGeom prst="rect">
              <a:avLst/>
            </a:prstGeom>
          </p:spPr>
        </p:pic>
        <p:pic>
          <p:nvPicPr>
            <p:cNvPr id="58" name="Graphic 57">
              <a:extLst>
                <a:ext uri="{FF2B5EF4-FFF2-40B4-BE49-F238E27FC236}">
                  <a16:creationId xmlns:a16="http://schemas.microsoft.com/office/drawing/2014/main" id="{78D20687-2636-441A-8D32-4573BDD6A2EF}"/>
                </a:ext>
              </a:extLst>
            </p:cNvPr>
            <p:cNvPicPr>
              <a:picLocks noChangeAspect="1"/>
            </p:cNvPicPr>
            <p:nvPr/>
          </p:nvPicPr>
          <p:blipFill>
            <a:blip r:embed="rId12">
              <a:extLst>
                <a:ext uri="{96DAC541-7B7A-43D3-8B79-37D633B846F1}">
                  <asvg:svgBlip xmlns:asvg="http://schemas.microsoft.com/office/drawing/2016/SVG/main" r:embed="rId13"/>
                </a:ext>
              </a:extLst>
            </a:blip>
            <a:stretch>
              <a:fillRect/>
            </a:stretch>
          </p:blipFill>
          <p:spPr>
            <a:xfrm>
              <a:off x="1584710" y="3298211"/>
              <a:ext cx="411277" cy="464345"/>
            </a:xfrm>
            <a:prstGeom prst="rect">
              <a:avLst/>
            </a:prstGeom>
          </p:spPr>
        </p:pic>
        <p:pic>
          <p:nvPicPr>
            <p:cNvPr id="59" name="Graphic 58">
              <a:extLst>
                <a:ext uri="{FF2B5EF4-FFF2-40B4-BE49-F238E27FC236}">
                  <a16:creationId xmlns:a16="http://schemas.microsoft.com/office/drawing/2014/main" id="{3379B2DA-93E1-AD17-297F-4030DBBD00B2}"/>
                </a:ext>
              </a:extLst>
            </p:cNvPr>
            <p:cNvPicPr>
              <a:picLocks noChangeAspect="1"/>
            </p:cNvPicPr>
            <p:nvPr/>
          </p:nvPicPr>
          <p:blipFill>
            <a:blip r:embed="rId14">
              <a:extLst>
                <a:ext uri="{96DAC541-7B7A-43D3-8B79-37D633B846F1}">
                  <asvg:svgBlip xmlns:asvg="http://schemas.microsoft.com/office/drawing/2016/SVG/main" r:embed="rId15"/>
                </a:ext>
              </a:extLst>
            </a:blip>
            <a:stretch>
              <a:fillRect/>
            </a:stretch>
          </p:blipFill>
          <p:spPr>
            <a:xfrm>
              <a:off x="1555075" y="1721311"/>
              <a:ext cx="502227" cy="424295"/>
            </a:xfrm>
            <a:prstGeom prst="rect">
              <a:avLst/>
            </a:prstGeom>
          </p:spPr>
        </p:pic>
        <p:sp>
          <p:nvSpPr>
            <p:cNvPr id="60" name="TextBox 111">
              <a:extLst>
                <a:ext uri="{FF2B5EF4-FFF2-40B4-BE49-F238E27FC236}">
                  <a16:creationId xmlns:a16="http://schemas.microsoft.com/office/drawing/2014/main" id="{32EF1398-68C8-C548-84C1-03B79B70483B}"/>
                </a:ext>
              </a:extLst>
            </p:cNvPr>
            <p:cNvSpPr txBox="1"/>
            <p:nvPr/>
          </p:nvSpPr>
          <p:spPr>
            <a:xfrm>
              <a:off x="7373472" y="2261852"/>
              <a:ext cx="941340" cy="678930"/>
            </a:xfrm>
            <a:prstGeom prst="rect">
              <a:avLst/>
            </a:prstGeom>
            <a:noFill/>
            <a:ln w="9525">
              <a:noFill/>
              <a:miter lim="800000"/>
              <a:headEnd/>
              <a:tailEnd/>
            </a:ln>
            <a:effectLst/>
          </p:spPr>
          <p:txBody>
            <a:bodyPr/>
            <a:lstStyle/>
            <a:p>
              <a:pPr algn="ctr" defTabSz="685800">
                <a:defRPr/>
              </a:pPr>
              <a:r>
                <a:rPr lang="en-IN" sz="1000" kern="0">
                  <a:solidFill>
                    <a:srgbClr val="0085BE"/>
                  </a:solidFill>
                  <a:latin typeface="Roboto "/>
                  <a:ea typeface="Roboto light" panose="02000000000000000000" pitchFamily="2" charset="0"/>
                  <a:cs typeface="Roboto light" panose="02000000000000000000" pitchFamily="2" charset="0"/>
                </a:rPr>
                <a:t>60+</a:t>
              </a:r>
            </a:p>
            <a:p>
              <a:pPr algn="ctr" defTabSz="685800">
                <a:defRPr/>
              </a:pPr>
              <a:r>
                <a:rPr lang="en-US" sz="800" kern="0">
                  <a:solidFill>
                    <a:srgbClr val="404040"/>
                  </a:solidFill>
                  <a:latin typeface="Roboto "/>
                  <a:ea typeface="Roboto light" panose="02000000000000000000" pitchFamily="2" charset="0"/>
                  <a:cs typeface="Roboto light" panose="02000000000000000000" pitchFamily="2" charset="0"/>
                </a:rPr>
                <a:t>Awards &amp; </a:t>
              </a:r>
            </a:p>
            <a:p>
              <a:pPr algn="ctr" defTabSz="685800">
                <a:defRPr/>
              </a:pPr>
              <a:r>
                <a:rPr lang="en-US" sz="800" kern="0">
                  <a:solidFill>
                    <a:srgbClr val="404040"/>
                  </a:solidFill>
                  <a:latin typeface="Roboto "/>
                  <a:ea typeface="Roboto light" panose="02000000000000000000" pitchFamily="2" charset="0"/>
                  <a:cs typeface="Roboto light" panose="02000000000000000000" pitchFamily="2" charset="0"/>
                </a:rPr>
                <a:t>recognition</a:t>
              </a:r>
            </a:p>
          </p:txBody>
        </p:sp>
        <p:sp>
          <p:nvSpPr>
            <p:cNvPr id="61" name="TextBox 60">
              <a:extLst>
                <a:ext uri="{FF2B5EF4-FFF2-40B4-BE49-F238E27FC236}">
                  <a16:creationId xmlns:a16="http://schemas.microsoft.com/office/drawing/2014/main" id="{6AF444FF-ABF1-613A-1DB6-447CC019F2DB}"/>
                </a:ext>
              </a:extLst>
            </p:cNvPr>
            <p:cNvSpPr txBox="1"/>
            <p:nvPr/>
          </p:nvSpPr>
          <p:spPr>
            <a:xfrm>
              <a:off x="1025964" y="3878840"/>
              <a:ext cx="1458777" cy="507831"/>
            </a:xfrm>
            <a:prstGeom prst="rect">
              <a:avLst/>
            </a:prstGeom>
            <a:noFill/>
          </p:spPr>
          <p:txBody>
            <a:bodyPr wrap="square">
              <a:spAutoFit/>
            </a:bodyPr>
            <a:lstStyle/>
            <a:p>
              <a:pPr algn="ctr">
                <a:defRPr/>
              </a:pPr>
              <a:r>
                <a:rPr lang="en-US" sz="1000" kern="0">
                  <a:solidFill>
                    <a:srgbClr val="0085BE"/>
                  </a:solidFill>
                  <a:latin typeface="Roboto "/>
                  <a:ea typeface="Roboto light" panose="02000000000000000000" pitchFamily="2" charset="0"/>
                  <a:cs typeface="Roboto light" panose="02000000000000000000" pitchFamily="2" charset="0"/>
                </a:rPr>
                <a:t>30+</a:t>
              </a:r>
            </a:p>
            <a:p>
              <a:pPr algn="ctr">
                <a:defRPr/>
              </a:pPr>
              <a:r>
                <a:rPr lang="en-US" sz="800" kern="0">
                  <a:solidFill>
                    <a:srgbClr val="404040"/>
                  </a:solidFill>
                  <a:latin typeface="Roboto "/>
                  <a:ea typeface="Roboto light" panose="02000000000000000000" pitchFamily="2" charset="0"/>
                  <a:cs typeface="Roboto light" panose="02000000000000000000" pitchFamily="2" charset="0"/>
                </a:rPr>
                <a:t>Years of experience </a:t>
              </a:r>
              <a:br>
                <a:rPr lang="en-US" sz="800" kern="0">
                  <a:solidFill>
                    <a:srgbClr val="404040"/>
                  </a:solidFill>
                  <a:latin typeface="Roboto "/>
                  <a:ea typeface="Roboto light" panose="02000000000000000000" pitchFamily="2" charset="0"/>
                  <a:cs typeface="Roboto light" panose="02000000000000000000" pitchFamily="2" charset="0"/>
                </a:rPr>
              </a:br>
              <a:r>
                <a:rPr lang="en-US" sz="800" kern="0">
                  <a:solidFill>
                    <a:srgbClr val="404040"/>
                  </a:solidFill>
                  <a:latin typeface="Roboto "/>
                  <a:ea typeface="Roboto light" panose="02000000000000000000" pitchFamily="2" charset="0"/>
                  <a:cs typeface="Roboto light" panose="02000000000000000000" pitchFamily="2" charset="0"/>
                </a:rPr>
                <a:t>in the training industry</a:t>
              </a:r>
            </a:p>
          </p:txBody>
        </p:sp>
        <p:sp>
          <p:nvSpPr>
            <p:cNvPr id="62" name="TextBox 111">
              <a:extLst>
                <a:ext uri="{FF2B5EF4-FFF2-40B4-BE49-F238E27FC236}">
                  <a16:creationId xmlns:a16="http://schemas.microsoft.com/office/drawing/2014/main" id="{7AF1967A-8984-9BBB-DCE1-5775D9EE17B0}"/>
                </a:ext>
              </a:extLst>
            </p:cNvPr>
            <p:cNvSpPr txBox="1"/>
            <p:nvPr/>
          </p:nvSpPr>
          <p:spPr>
            <a:xfrm>
              <a:off x="2831337" y="3836253"/>
              <a:ext cx="2017846" cy="678930"/>
            </a:xfrm>
            <a:prstGeom prst="rect">
              <a:avLst/>
            </a:prstGeom>
            <a:noFill/>
            <a:ln w="9525">
              <a:noFill/>
              <a:miter lim="800000"/>
              <a:headEnd/>
              <a:tailEnd/>
            </a:ln>
            <a:effectLst/>
          </p:spPr>
          <p:txBody>
            <a:bodyPr/>
            <a:lstStyle/>
            <a:p>
              <a:pPr algn="ctr">
                <a:lnSpc>
                  <a:spcPct val="150000"/>
                </a:lnSpc>
                <a:defRPr/>
              </a:pPr>
              <a:r>
                <a:rPr lang="en-IN" sz="1000" kern="0">
                  <a:solidFill>
                    <a:srgbClr val="0085BE"/>
                  </a:solidFill>
                  <a:latin typeface="Roboto "/>
                  <a:ea typeface="Roboto light" panose="02000000000000000000" pitchFamily="2" charset="0"/>
                  <a:cs typeface="Roboto light" panose="02000000000000000000" pitchFamily="2" charset="0"/>
                </a:rPr>
                <a:t>150+</a:t>
              </a:r>
            </a:p>
            <a:p>
              <a:pPr algn="ctr" defTabSz="685800">
                <a:defRPr/>
              </a:pPr>
              <a:r>
                <a:rPr lang="en-US" sz="800" kern="0">
                  <a:solidFill>
                    <a:srgbClr val="404040"/>
                  </a:solidFill>
                  <a:latin typeface="Roboto "/>
                  <a:ea typeface="Roboto light" panose="02000000000000000000" pitchFamily="2" charset="0"/>
                  <a:cs typeface="Roboto light" panose="02000000000000000000" pitchFamily="2" charset="0"/>
                </a:rPr>
                <a:t>Serving fortune </a:t>
              </a:r>
            </a:p>
            <a:p>
              <a:pPr algn="ctr" defTabSz="685800">
                <a:defRPr/>
              </a:pPr>
              <a:r>
                <a:rPr lang="en-US" sz="800" kern="0">
                  <a:solidFill>
                    <a:srgbClr val="404040"/>
                  </a:solidFill>
                  <a:latin typeface="Roboto "/>
                  <a:ea typeface="Roboto light" panose="02000000000000000000" pitchFamily="2" charset="0"/>
                  <a:cs typeface="Roboto light" panose="02000000000000000000" pitchFamily="2" charset="0"/>
                </a:rPr>
                <a:t>1,000 clients</a:t>
              </a:r>
            </a:p>
          </p:txBody>
        </p:sp>
        <p:sp>
          <p:nvSpPr>
            <p:cNvPr id="63" name="TextBox 111">
              <a:extLst>
                <a:ext uri="{FF2B5EF4-FFF2-40B4-BE49-F238E27FC236}">
                  <a16:creationId xmlns:a16="http://schemas.microsoft.com/office/drawing/2014/main" id="{134AC3D4-B066-26BB-1327-3C1CB3525BEC}"/>
                </a:ext>
              </a:extLst>
            </p:cNvPr>
            <p:cNvSpPr txBox="1"/>
            <p:nvPr/>
          </p:nvSpPr>
          <p:spPr>
            <a:xfrm>
              <a:off x="5051992" y="3878840"/>
              <a:ext cx="1667641" cy="456604"/>
            </a:xfrm>
            <a:prstGeom prst="rect">
              <a:avLst/>
            </a:prstGeom>
            <a:noFill/>
            <a:ln w="9525">
              <a:noFill/>
              <a:miter lim="800000"/>
              <a:headEnd/>
              <a:tailEnd/>
            </a:ln>
            <a:effectLst/>
          </p:spPr>
          <p:txBody>
            <a:bodyPr/>
            <a:lstStyle/>
            <a:p>
              <a:pPr algn="ctr" defTabSz="685800">
                <a:defRPr/>
              </a:pPr>
              <a:r>
                <a:rPr lang="en-US" sz="800" kern="0">
                  <a:solidFill>
                    <a:srgbClr val="404040"/>
                  </a:solidFill>
                  <a:latin typeface="Roboto "/>
                  <a:ea typeface="Roboto light" panose="02000000000000000000" pitchFamily="2" charset="0"/>
                  <a:cs typeface="Roboto light" panose="02000000000000000000" pitchFamily="2" charset="0"/>
                </a:rPr>
                <a:t>Consecutive year in </a:t>
              </a:r>
            </a:p>
            <a:p>
              <a:pPr algn="ctr" defTabSz="685800">
                <a:defRPr/>
              </a:pPr>
              <a:r>
                <a:rPr lang="en-US" sz="800" kern="0">
                  <a:solidFill>
                    <a:srgbClr val="404040"/>
                  </a:solidFill>
                  <a:latin typeface="Roboto "/>
                  <a:ea typeface="Roboto light" panose="02000000000000000000" pitchFamily="2" charset="0"/>
                  <a:cs typeface="Roboto light" panose="02000000000000000000" pitchFamily="2" charset="0"/>
                </a:rPr>
                <a:t>the top 20 companies</a:t>
              </a:r>
            </a:p>
            <a:p>
              <a:pPr algn="ctr" defTabSz="685800">
                <a:defRPr/>
              </a:pPr>
              <a:r>
                <a:rPr lang="en-US" sz="800" kern="0">
                  <a:solidFill>
                    <a:srgbClr val="404040"/>
                  </a:solidFill>
                  <a:latin typeface="Roboto "/>
                  <a:ea typeface="Roboto light" panose="02000000000000000000" pitchFamily="2" charset="0"/>
                  <a:cs typeface="Roboto light" panose="02000000000000000000" pitchFamily="2" charset="0"/>
                </a:rPr>
                <a:t>In training industry watch list</a:t>
              </a:r>
            </a:p>
          </p:txBody>
        </p:sp>
        <p:sp>
          <p:nvSpPr>
            <p:cNvPr id="64" name="TextBox 63">
              <a:extLst>
                <a:ext uri="{FF2B5EF4-FFF2-40B4-BE49-F238E27FC236}">
                  <a16:creationId xmlns:a16="http://schemas.microsoft.com/office/drawing/2014/main" id="{2EFDEC72-AE3A-9CC0-E5DA-D49AA33C11FB}"/>
                </a:ext>
              </a:extLst>
            </p:cNvPr>
            <p:cNvSpPr txBox="1"/>
            <p:nvPr/>
          </p:nvSpPr>
          <p:spPr>
            <a:xfrm>
              <a:off x="1210627" y="2395480"/>
              <a:ext cx="1191123" cy="318036"/>
            </a:xfrm>
            <a:prstGeom prst="rect">
              <a:avLst/>
            </a:prstGeom>
            <a:noFill/>
          </p:spPr>
          <p:txBody>
            <a:bodyPr wrap="square">
              <a:spAutoFit/>
            </a:bodyPr>
            <a:lstStyle/>
            <a:p>
              <a:pPr algn="ctr">
                <a:lnSpc>
                  <a:spcPct val="150000"/>
                </a:lnSpc>
                <a:defRPr/>
              </a:pPr>
              <a:r>
                <a:rPr lang="en-IN" sz="1050" kern="0">
                  <a:solidFill>
                    <a:srgbClr val="0085BE"/>
                  </a:solidFill>
                  <a:latin typeface="Roboto "/>
                  <a:ea typeface="Roboto light" panose="02000000000000000000" pitchFamily="2" charset="0"/>
                  <a:cs typeface="Roboto light" panose="02000000000000000000" pitchFamily="2" charset="0"/>
                </a:rPr>
                <a:t>United States</a:t>
              </a:r>
            </a:p>
          </p:txBody>
        </p:sp>
        <p:pic>
          <p:nvPicPr>
            <p:cNvPr id="65" name="Graphic 121">
              <a:extLst>
                <a:ext uri="{FF2B5EF4-FFF2-40B4-BE49-F238E27FC236}">
                  <a16:creationId xmlns:a16="http://schemas.microsoft.com/office/drawing/2014/main" id="{3D53562E-F5DF-DD49-31E7-E83A2B07D73F}"/>
                </a:ext>
              </a:extLst>
            </p:cNvPr>
            <p:cNvPicPr>
              <a:picLocks noChangeAspect="1"/>
            </p:cNvPicPr>
            <p:nvPr/>
          </p:nvPicPr>
          <p:blipFill>
            <a:blip r:embed="rId16" cstate="email">
              <a:extLst>
                <a:ext uri="{28A0092B-C50C-407E-A947-70E740481C1C}">
                  <a14:useLocalDpi xmlns:a14="http://schemas.microsoft.com/office/drawing/2010/main"/>
                </a:ext>
                <a:ext uri="{96DAC541-7B7A-43D3-8B79-37D633B846F1}">
                  <asvg:svgBlip xmlns:asvg="http://schemas.microsoft.com/office/drawing/2016/SVG/main" r:embed="rId17"/>
                </a:ext>
              </a:extLst>
            </a:blip>
            <a:stretch>
              <a:fillRect/>
            </a:stretch>
          </p:blipFill>
          <p:spPr>
            <a:xfrm>
              <a:off x="7616820" y="3286788"/>
              <a:ext cx="432000" cy="487190"/>
            </a:xfrm>
            <a:prstGeom prst="rect">
              <a:avLst/>
            </a:prstGeom>
          </p:spPr>
        </p:pic>
        <p:sp>
          <p:nvSpPr>
            <p:cNvPr id="66" name="TextBox 65">
              <a:extLst>
                <a:ext uri="{FF2B5EF4-FFF2-40B4-BE49-F238E27FC236}">
                  <a16:creationId xmlns:a16="http://schemas.microsoft.com/office/drawing/2014/main" id="{A37E9936-360E-AC9F-0F36-A0F51769B43D}"/>
                </a:ext>
              </a:extLst>
            </p:cNvPr>
            <p:cNvSpPr txBox="1"/>
            <p:nvPr/>
          </p:nvSpPr>
          <p:spPr>
            <a:xfrm>
              <a:off x="7668979" y="3384383"/>
              <a:ext cx="331662" cy="292000"/>
            </a:xfrm>
            <a:prstGeom prst="rect">
              <a:avLst/>
            </a:prstGeom>
          </p:spPr>
          <p:txBody>
            <a:bodyPr/>
            <a:lstStyle/>
            <a:p>
              <a:pPr algn="ctr">
                <a:defRPr/>
              </a:pPr>
              <a:r>
                <a:rPr lang="en-IN" sz="1600" kern="0">
                  <a:solidFill>
                    <a:srgbClr val="595959"/>
                  </a:solidFill>
                  <a:latin typeface="Roboto "/>
                  <a:ea typeface="Roboto light" panose="02000000000000000000" pitchFamily="2" charset="0"/>
                  <a:cs typeface="Roboto light" panose="02000000000000000000" pitchFamily="2" charset="0"/>
                </a:rPr>
                <a:t>$</a:t>
              </a:r>
            </a:p>
          </p:txBody>
        </p:sp>
        <p:sp>
          <p:nvSpPr>
            <p:cNvPr id="67" name="TextBox 119">
              <a:extLst>
                <a:ext uri="{FF2B5EF4-FFF2-40B4-BE49-F238E27FC236}">
                  <a16:creationId xmlns:a16="http://schemas.microsoft.com/office/drawing/2014/main" id="{A5E12D16-3C54-B233-AD11-12EB63AD1D30}"/>
                </a:ext>
              </a:extLst>
            </p:cNvPr>
            <p:cNvSpPr txBox="1"/>
            <p:nvPr/>
          </p:nvSpPr>
          <p:spPr>
            <a:xfrm>
              <a:off x="6998999" y="3878840"/>
              <a:ext cx="1667641" cy="535909"/>
            </a:xfrm>
            <a:prstGeom prst="rect">
              <a:avLst/>
            </a:prstGeom>
            <a:noFill/>
            <a:ln w="9525">
              <a:noFill/>
              <a:miter lim="800000"/>
              <a:headEnd/>
              <a:tailEnd/>
            </a:ln>
            <a:effectLst/>
          </p:spPr>
          <p:txBody>
            <a:bodyPr/>
            <a:lstStyle/>
            <a:p>
              <a:pPr algn="ctr" defTabSz="685800">
                <a:defRPr/>
              </a:pPr>
              <a:r>
                <a:rPr lang="en-IN" sz="1000" kern="0">
                  <a:solidFill>
                    <a:srgbClr val="0085BE"/>
                  </a:solidFill>
                  <a:latin typeface="Roboto "/>
                  <a:ea typeface="Roboto light" panose="02000000000000000000" pitchFamily="2" charset="0"/>
                  <a:cs typeface="Roboto light" panose="02000000000000000000" pitchFamily="2" charset="0"/>
                </a:rPr>
                <a:t>Flexible</a:t>
              </a:r>
            </a:p>
            <a:p>
              <a:pPr algn="ctr" defTabSz="685800">
                <a:defRPr/>
              </a:pPr>
              <a:r>
                <a:rPr lang="en-US" sz="800" kern="0">
                  <a:solidFill>
                    <a:srgbClr val="404040"/>
                  </a:solidFill>
                  <a:latin typeface="Roboto "/>
                  <a:ea typeface="Roboto light" panose="02000000000000000000" pitchFamily="2" charset="0"/>
                  <a:cs typeface="Roboto light" panose="02000000000000000000" pitchFamily="2" charset="0"/>
                </a:rPr>
                <a:t>Pricing and working </a:t>
              </a:r>
            </a:p>
            <a:p>
              <a:pPr algn="ctr" defTabSz="685800">
                <a:defRPr/>
              </a:pPr>
              <a:r>
                <a:rPr lang="en-US" sz="800" kern="0">
                  <a:solidFill>
                    <a:srgbClr val="404040"/>
                  </a:solidFill>
                  <a:latin typeface="Roboto "/>
                  <a:ea typeface="Roboto light" panose="02000000000000000000" pitchFamily="2" charset="0"/>
                  <a:cs typeface="Roboto light" panose="02000000000000000000" pitchFamily="2" charset="0"/>
                </a:rPr>
                <a:t>models</a:t>
              </a:r>
            </a:p>
          </p:txBody>
        </p:sp>
        <p:sp>
          <p:nvSpPr>
            <p:cNvPr id="68" name="TextBox 67">
              <a:extLst>
                <a:ext uri="{FF2B5EF4-FFF2-40B4-BE49-F238E27FC236}">
                  <a16:creationId xmlns:a16="http://schemas.microsoft.com/office/drawing/2014/main" id="{6600B160-F78F-E212-38B5-737CF8254E6D}"/>
                </a:ext>
              </a:extLst>
            </p:cNvPr>
            <p:cNvSpPr txBox="1"/>
            <p:nvPr/>
          </p:nvSpPr>
          <p:spPr>
            <a:xfrm>
              <a:off x="830356" y="5314657"/>
              <a:ext cx="1951664" cy="822851"/>
            </a:xfrm>
            <a:prstGeom prst="rect">
              <a:avLst/>
            </a:prstGeom>
            <a:noFill/>
            <a:ln w="9525">
              <a:noFill/>
              <a:miter lim="800000"/>
              <a:headEnd/>
              <a:tailEnd/>
            </a:ln>
            <a:effectLst/>
          </p:spPr>
          <p:txBody>
            <a:bodyPr/>
            <a:lstStyle/>
            <a:p>
              <a:pPr algn="ctr" defTabSz="685800">
                <a:defRPr/>
              </a:pPr>
              <a:r>
                <a:rPr lang="en-IN" sz="1000" kern="0">
                  <a:solidFill>
                    <a:srgbClr val="0085BE"/>
                  </a:solidFill>
                  <a:latin typeface="Roboto "/>
                  <a:ea typeface="Roboto light" panose="02000000000000000000" pitchFamily="2" charset="0"/>
                  <a:cs typeface="Roboto light" panose="02000000000000000000" pitchFamily="2" charset="0"/>
                </a:rPr>
                <a:t>ISO: 27001:2013, ISO 22301:2019</a:t>
              </a:r>
              <a:br>
                <a:rPr lang="en-IN" sz="1000" kern="0">
                  <a:solidFill>
                    <a:srgbClr val="0085BE"/>
                  </a:solidFill>
                  <a:latin typeface="Roboto "/>
                  <a:ea typeface="Roboto light" panose="02000000000000000000" pitchFamily="2" charset="0"/>
                  <a:cs typeface="Roboto light" panose="02000000000000000000" pitchFamily="2" charset="0"/>
                </a:rPr>
              </a:br>
              <a:r>
                <a:rPr lang="en-IN" sz="1000" kern="0">
                  <a:solidFill>
                    <a:srgbClr val="0085BE"/>
                  </a:solidFill>
                  <a:latin typeface="Roboto "/>
                  <a:ea typeface="Roboto light" panose="02000000000000000000" pitchFamily="2" charset="0"/>
                  <a:cs typeface="Roboto light" panose="02000000000000000000" pitchFamily="2" charset="0"/>
                </a:rPr>
                <a:t>ISO:9001:2015</a:t>
              </a:r>
              <a:r>
                <a:rPr lang="en-IN" sz="800" kern="0">
                  <a:solidFill>
                    <a:srgbClr val="404040"/>
                  </a:solidFill>
                  <a:latin typeface="Roboto "/>
                  <a:ea typeface="Roboto light" panose="02000000000000000000" pitchFamily="2" charset="0"/>
                  <a:cs typeface="Roboto light" panose="02000000000000000000" pitchFamily="2" charset="0"/>
                </a:rPr>
                <a:t>,</a:t>
              </a:r>
            </a:p>
            <a:p>
              <a:pPr algn="ctr" defTabSz="685800">
                <a:defRPr/>
              </a:pPr>
              <a:r>
                <a:rPr lang="en-IN" sz="800" kern="0">
                  <a:solidFill>
                    <a:srgbClr val="404040"/>
                  </a:solidFill>
                  <a:latin typeface="Roboto "/>
                  <a:ea typeface="Roboto light" panose="02000000000000000000" pitchFamily="2" charset="0"/>
                  <a:cs typeface="Roboto light" panose="02000000000000000000" pitchFamily="2" charset="0"/>
                </a:rPr>
                <a:t> PCI DSS, SOC, HIPPA, GDPR and CMMI 3 Certified</a:t>
              </a:r>
            </a:p>
          </p:txBody>
        </p:sp>
        <p:sp>
          <p:nvSpPr>
            <p:cNvPr id="69" name="TextBox 68">
              <a:extLst>
                <a:ext uri="{FF2B5EF4-FFF2-40B4-BE49-F238E27FC236}">
                  <a16:creationId xmlns:a16="http://schemas.microsoft.com/office/drawing/2014/main" id="{63EC72BF-78A5-A1C0-2B24-D1F48CC1B1A5}"/>
                </a:ext>
              </a:extLst>
            </p:cNvPr>
            <p:cNvSpPr txBox="1"/>
            <p:nvPr/>
          </p:nvSpPr>
          <p:spPr>
            <a:xfrm>
              <a:off x="2963183" y="5314657"/>
              <a:ext cx="1754155" cy="507831"/>
            </a:xfrm>
            <a:prstGeom prst="rect">
              <a:avLst/>
            </a:prstGeom>
            <a:noFill/>
          </p:spPr>
          <p:txBody>
            <a:bodyPr wrap="square">
              <a:spAutoFit/>
            </a:bodyPr>
            <a:lstStyle/>
            <a:p>
              <a:pPr algn="ctr" defTabSz="685800">
                <a:defRPr/>
              </a:pPr>
              <a:r>
                <a:rPr lang="en-IN" sz="1000" kern="0">
                  <a:solidFill>
                    <a:srgbClr val="0085BE"/>
                  </a:solidFill>
                  <a:latin typeface="Roboto "/>
                  <a:ea typeface="Roboto light" panose="02000000000000000000" pitchFamily="2" charset="0"/>
                  <a:cs typeface="Roboto light" panose="02000000000000000000" pitchFamily="2" charset="0"/>
                </a:rPr>
                <a:t>Scalability</a:t>
              </a:r>
              <a:br>
                <a:rPr lang="en-IN" sz="1100" b="1" kern="0">
                  <a:solidFill>
                    <a:srgbClr val="005A84"/>
                  </a:solidFill>
                  <a:ea typeface="Roboto" panose="02000000000000000000" pitchFamily="2" charset="0"/>
                  <a:cs typeface="Roboto" panose="02000000000000000000" pitchFamily="2" charset="0"/>
                </a:rPr>
              </a:br>
              <a:r>
                <a:rPr lang="en-US" sz="800" kern="0">
                  <a:solidFill>
                    <a:srgbClr val="404040"/>
                  </a:solidFill>
                  <a:latin typeface="Roboto "/>
                  <a:ea typeface="Roboto light" panose="02000000000000000000" pitchFamily="2" charset="0"/>
                  <a:cs typeface="Roboto light" panose="02000000000000000000" pitchFamily="2" charset="0"/>
                </a:rPr>
                <a:t>Capacity to process large volumes quickly and accurately 24/7/365</a:t>
              </a:r>
            </a:p>
          </p:txBody>
        </p:sp>
        <p:sp>
          <p:nvSpPr>
            <p:cNvPr id="70" name="TextBox 69">
              <a:extLst>
                <a:ext uri="{FF2B5EF4-FFF2-40B4-BE49-F238E27FC236}">
                  <a16:creationId xmlns:a16="http://schemas.microsoft.com/office/drawing/2014/main" id="{EC631BAA-4D2A-0640-021E-EF9CFA043FDB}"/>
                </a:ext>
              </a:extLst>
            </p:cNvPr>
            <p:cNvSpPr txBox="1"/>
            <p:nvPr/>
          </p:nvSpPr>
          <p:spPr>
            <a:xfrm>
              <a:off x="6902966" y="5314657"/>
              <a:ext cx="1794104" cy="678930"/>
            </a:xfrm>
            <a:prstGeom prst="rect">
              <a:avLst/>
            </a:prstGeom>
            <a:noFill/>
            <a:ln w="9525">
              <a:noFill/>
              <a:miter lim="800000"/>
              <a:headEnd/>
              <a:tailEnd/>
            </a:ln>
            <a:effectLst/>
          </p:spPr>
          <p:txBody>
            <a:bodyPr/>
            <a:lstStyle/>
            <a:p>
              <a:pPr algn="ctr" defTabSz="685800">
                <a:defRPr/>
              </a:pPr>
              <a:r>
                <a:rPr lang="en-IN" sz="1000" kern="0">
                  <a:solidFill>
                    <a:srgbClr val="0085BE"/>
                  </a:solidFill>
                  <a:latin typeface="Roboto "/>
                  <a:ea typeface="Roboto light" panose="02000000000000000000" pitchFamily="2" charset="0"/>
                  <a:cs typeface="Roboto light" panose="02000000000000000000" pitchFamily="2" charset="0"/>
                </a:rPr>
                <a:t>Global Support Services</a:t>
              </a:r>
            </a:p>
            <a:p>
              <a:pPr algn="ctr" defTabSz="685800">
                <a:defRPr/>
              </a:pPr>
              <a:r>
                <a:rPr lang="en-US" sz="800" kern="0">
                  <a:solidFill>
                    <a:srgbClr val="404040"/>
                  </a:solidFill>
                  <a:latin typeface="Roboto "/>
                  <a:ea typeface="Roboto light" panose="02000000000000000000" pitchFamily="2" charset="0"/>
                  <a:cs typeface="Roboto light" panose="02000000000000000000" pitchFamily="2" charset="0"/>
                </a:rPr>
                <a:t>We work across industries, geographies, lines of service and specialties to bring you </a:t>
              </a:r>
            </a:p>
            <a:p>
              <a:pPr algn="ctr" defTabSz="685800">
                <a:defRPr/>
              </a:pPr>
              <a:r>
                <a:rPr lang="en-US" sz="800" kern="0">
                  <a:solidFill>
                    <a:srgbClr val="404040"/>
                  </a:solidFill>
                  <a:latin typeface="Roboto "/>
                  <a:ea typeface="Roboto light" panose="02000000000000000000" pitchFamily="2" charset="0"/>
                  <a:cs typeface="Roboto light" panose="02000000000000000000" pitchFamily="2" charset="0"/>
                </a:rPr>
                <a:t>customized solutions</a:t>
              </a:r>
            </a:p>
            <a:p>
              <a:pPr algn="ctr" defTabSz="685800">
                <a:defRPr/>
              </a:pPr>
              <a:endParaRPr lang="en-IN" sz="1100" kern="0">
                <a:solidFill>
                  <a:srgbClr val="FF0000"/>
                </a:solidFill>
                <a:ea typeface="Roboto" panose="02000000000000000000" pitchFamily="2" charset="0"/>
                <a:cs typeface="Roboto" panose="02000000000000000000" pitchFamily="2" charset="0"/>
              </a:endParaRPr>
            </a:p>
          </p:txBody>
        </p:sp>
        <p:pic>
          <p:nvPicPr>
            <p:cNvPr id="71" name="Graphic 100">
              <a:extLst>
                <a:ext uri="{FF2B5EF4-FFF2-40B4-BE49-F238E27FC236}">
                  <a16:creationId xmlns:a16="http://schemas.microsoft.com/office/drawing/2014/main" id="{7770C980-0E16-3672-CD24-DE61AD94A094}"/>
                </a:ext>
              </a:extLst>
            </p:cNvPr>
            <p:cNvPicPr>
              <a:picLocks noChangeAspect="1"/>
            </p:cNvPicPr>
            <p:nvPr/>
          </p:nvPicPr>
          <p:blipFill>
            <a:blip r:embed="rId18">
              <a:extLst>
                <a:ext uri="{28A0092B-C50C-407E-A947-70E740481C1C}">
                  <a14:useLocalDpi xmlns:a14="http://schemas.microsoft.com/office/drawing/2010/main"/>
                </a:ext>
                <a:ext uri="{96DAC541-7B7A-43D3-8B79-37D633B846F1}">
                  <asvg:svgBlip xmlns:asvg="http://schemas.microsoft.com/office/drawing/2016/SVG/main" r:embed="rId19"/>
                </a:ext>
              </a:extLst>
            </a:blip>
            <a:stretch>
              <a:fillRect/>
            </a:stretch>
          </p:blipFill>
          <p:spPr>
            <a:xfrm>
              <a:off x="3674287" y="4832138"/>
              <a:ext cx="331946" cy="319650"/>
            </a:xfrm>
            <a:prstGeom prst="rect">
              <a:avLst/>
            </a:prstGeom>
          </p:spPr>
        </p:pic>
        <p:sp>
          <p:nvSpPr>
            <p:cNvPr id="72" name="TextBox 71">
              <a:extLst>
                <a:ext uri="{FF2B5EF4-FFF2-40B4-BE49-F238E27FC236}">
                  <a16:creationId xmlns:a16="http://schemas.microsoft.com/office/drawing/2014/main" id="{9437E8CE-D2C4-AD15-1FCF-4156371D0C42}"/>
                </a:ext>
              </a:extLst>
            </p:cNvPr>
            <p:cNvSpPr txBox="1"/>
            <p:nvPr/>
          </p:nvSpPr>
          <p:spPr>
            <a:xfrm>
              <a:off x="4874148" y="5314657"/>
              <a:ext cx="2028817" cy="599892"/>
            </a:xfrm>
            <a:prstGeom prst="rect">
              <a:avLst/>
            </a:prstGeom>
            <a:noFill/>
            <a:ln w="9525">
              <a:noFill/>
              <a:miter lim="800000"/>
              <a:headEnd/>
              <a:tailEnd/>
            </a:ln>
            <a:effectLst/>
          </p:spPr>
          <p:txBody>
            <a:bodyPr/>
            <a:lstStyle/>
            <a:p>
              <a:pPr algn="ctr" defTabSz="685800">
                <a:defRPr/>
              </a:pPr>
              <a:r>
                <a:rPr lang="en-IN" sz="1000" kern="0">
                  <a:solidFill>
                    <a:srgbClr val="0085BE"/>
                  </a:solidFill>
                  <a:latin typeface="Roboto "/>
                  <a:ea typeface="Roboto light" panose="02000000000000000000" pitchFamily="2" charset="0"/>
                  <a:cs typeface="Roboto light" panose="02000000000000000000" pitchFamily="2" charset="0"/>
                </a:rPr>
                <a:t>Learning Lifecycle</a:t>
              </a:r>
            </a:p>
            <a:p>
              <a:pPr algn="ctr">
                <a:defRPr/>
              </a:pPr>
              <a:r>
                <a:rPr lang="en-IN" sz="800" kern="0">
                  <a:solidFill>
                    <a:srgbClr val="404040"/>
                  </a:solidFill>
                  <a:latin typeface="Roboto" panose="02000000000000000000" pitchFamily="2" charset="0"/>
                  <a:ea typeface="Roboto" panose="02000000000000000000" pitchFamily="2" charset="0"/>
                  <a:cs typeface="Roboto" panose="02000000000000000000" pitchFamily="2" charset="0"/>
                </a:rPr>
                <a:t>Author • design • format • enrich </a:t>
              </a:r>
            </a:p>
            <a:p>
              <a:pPr algn="ctr">
                <a:defRPr/>
              </a:pPr>
              <a:r>
                <a:rPr lang="en-IN" sz="800" kern="0">
                  <a:solidFill>
                    <a:srgbClr val="404040"/>
                  </a:solidFill>
                  <a:latin typeface="Roboto" panose="02000000000000000000" pitchFamily="2" charset="0"/>
                  <a:ea typeface="Roboto" panose="02000000000000000000" pitchFamily="2" charset="0"/>
                  <a:cs typeface="Roboto" panose="02000000000000000000" pitchFamily="2" charset="0"/>
                </a:rPr>
                <a:t>• produce • package • distribute </a:t>
              </a:r>
              <a:br>
                <a:rPr lang="en-IN" sz="800" kern="0">
                  <a:solidFill>
                    <a:srgbClr val="404040"/>
                  </a:solidFill>
                  <a:latin typeface="Roboto" panose="02000000000000000000" pitchFamily="2" charset="0"/>
                  <a:ea typeface="Roboto" panose="02000000000000000000" pitchFamily="2" charset="0"/>
                  <a:cs typeface="Roboto" panose="02000000000000000000" pitchFamily="2" charset="0"/>
                </a:rPr>
              </a:br>
              <a:r>
                <a:rPr lang="en-IN" sz="800" kern="0">
                  <a:solidFill>
                    <a:srgbClr val="404040"/>
                  </a:solidFill>
                  <a:latin typeface="Roboto" panose="02000000000000000000" pitchFamily="2" charset="0"/>
                  <a:ea typeface="Roboto" panose="02000000000000000000" pitchFamily="2" charset="0"/>
                  <a:cs typeface="Roboto" panose="02000000000000000000" pitchFamily="2" charset="0"/>
                </a:rPr>
                <a:t>• manage</a:t>
              </a:r>
            </a:p>
          </p:txBody>
        </p:sp>
        <p:pic>
          <p:nvPicPr>
            <p:cNvPr id="73" name="Graphic 72">
              <a:extLst>
                <a:ext uri="{FF2B5EF4-FFF2-40B4-BE49-F238E27FC236}">
                  <a16:creationId xmlns:a16="http://schemas.microsoft.com/office/drawing/2014/main" id="{1E02B4E9-1C75-483E-03F2-BA8991C3D3F0}"/>
                </a:ext>
              </a:extLst>
            </p:cNvPr>
            <p:cNvPicPr>
              <a:picLocks noChangeAspect="1"/>
            </p:cNvPicPr>
            <p:nvPr/>
          </p:nvPicPr>
          <p:blipFill>
            <a:blip r:embed="rId20" cstate="screen">
              <a:extLst>
                <a:ext uri="{28A0092B-C50C-407E-A947-70E740481C1C}">
                  <a14:useLocalDpi xmlns:a14="http://schemas.microsoft.com/office/drawing/2010/main"/>
                </a:ext>
                <a:ext uri="{96DAC541-7B7A-43D3-8B79-37D633B846F1}">
                  <asvg:svgBlip xmlns:asvg="http://schemas.microsoft.com/office/drawing/2016/SVG/main" r:embed="rId21"/>
                </a:ext>
              </a:extLst>
            </a:blip>
            <a:stretch>
              <a:fillRect/>
            </a:stretch>
          </p:blipFill>
          <p:spPr>
            <a:xfrm>
              <a:off x="5699000" y="4864703"/>
              <a:ext cx="361835" cy="293848"/>
            </a:xfrm>
            <a:prstGeom prst="rect">
              <a:avLst/>
            </a:prstGeom>
          </p:spPr>
        </p:pic>
        <p:sp>
          <p:nvSpPr>
            <p:cNvPr id="74" name="Freeform 13">
              <a:extLst>
                <a:ext uri="{FF2B5EF4-FFF2-40B4-BE49-F238E27FC236}">
                  <a16:creationId xmlns:a16="http://schemas.microsoft.com/office/drawing/2014/main" id="{E2546576-F750-6B19-DD00-ED383E6B78CB}"/>
                </a:ext>
              </a:extLst>
            </p:cNvPr>
            <p:cNvSpPr/>
            <p:nvPr/>
          </p:nvSpPr>
          <p:spPr>
            <a:xfrm>
              <a:off x="7591657" y="4786286"/>
              <a:ext cx="386777" cy="411354"/>
            </a:xfrm>
            <a:custGeom>
              <a:avLst/>
              <a:gdLst/>
              <a:ahLst/>
              <a:cxnLst>
                <a:cxn ang="0">
                  <a:pos x="wd2" y="hd2"/>
                </a:cxn>
                <a:cxn ang="5400000">
                  <a:pos x="wd2" y="hd2"/>
                </a:cxn>
                <a:cxn ang="10800000">
                  <a:pos x="wd2" y="hd2"/>
                </a:cxn>
                <a:cxn ang="16200000">
                  <a:pos x="wd2" y="hd2"/>
                </a:cxn>
              </a:cxnLst>
              <a:rect l="0" t="0" r="r" b="b"/>
              <a:pathLst>
                <a:path w="21600" h="21600" extrusionOk="0">
                  <a:moveTo>
                    <a:pt x="10800" y="0"/>
                  </a:moveTo>
                  <a:cubicBezTo>
                    <a:pt x="7914" y="0"/>
                    <a:pt x="5205" y="1123"/>
                    <a:pt x="3164" y="3164"/>
                  </a:cubicBezTo>
                  <a:cubicBezTo>
                    <a:pt x="1123" y="5196"/>
                    <a:pt x="0" y="7914"/>
                    <a:pt x="0" y="10800"/>
                  </a:cubicBezTo>
                  <a:cubicBezTo>
                    <a:pt x="0" y="13686"/>
                    <a:pt x="1123" y="16395"/>
                    <a:pt x="3164" y="18436"/>
                  </a:cubicBezTo>
                  <a:cubicBezTo>
                    <a:pt x="5205" y="20477"/>
                    <a:pt x="7914" y="21600"/>
                    <a:pt x="10800" y="21600"/>
                  </a:cubicBezTo>
                  <a:cubicBezTo>
                    <a:pt x="13686" y="21600"/>
                    <a:pt x="16395" y="20477"/>
                    <a:pt x="18436" y="18436"/>
                  </a:cubicBezTo>
                  <a:cubicBezTo>
                    <a:pt x="20477" y="16395"/>
                    <a:pt x="21600" y="13686"/>
                    <a:pt x="21600" y="10800"/>
                  </a:cubicBezTo>
                  <a:cubicBezTo>
                    <a:pt x="21600" y="7914"/>
                    <a:pt x="20477" y="5196"/>
                    <a:pt x="18436" y="3164"/>
                  </a:cubicBezTo>
                  <a:cubicBezTo>
                    <a:pt x="16395" y="1123"/>
                    <a:pt x="13686" y="0"/>
                    <a:pt x="10800" y="0"/>
                  </a:cubicBezTo>
                  <a:close/>
                  <a:moveTo>
                    <a:pt x="18928" y="5910"/>
                  </a:moveTo>
                  <a:cubicBezTo>
                    <a:pt x="18241" y="5725"/>
                    <a:pt x="17536" y="5548"/>
                    <a:pt x="16840" y="5409"/>
                  </a:cubicBezTo>
                  <a:cubicBezTo>
                    <a:pt x="16766" y="4574"/>
                    <a:pt x="16070" y="3925"/>
                    <a:pt x="15216" y="3925"/>
                  </a:cubicBezTo>
                  <a:cubicBezTo>
                    <a:pt x="15022" y="3925"/>
                    <a:pt x="14827" y="3962"/>
                    <a:pt x="14651" y="4027"/>
                  </a:cubicBezTo>
                  <a:cubicBezTo>
                    <a:pt x="14029" y="3108"/>
                    <a:pt x="13296" y="2255"/>
                    <a:pt x="12442" y="1457"/>
                  </a:cubicBezTo>
                  <a:cubicBezTo>
                    <a:pt x="14354" y="1791"/>
                    <a:pt x="16107" y="2700"/>
                    <a:pt x="17499" y="4092"/>
                  </a:cubicBezTo>
                  <a:cubicBezTo>
                    <a:pt x="18056" y="4648"/>
                    <a:pt x="18538" y="5261"/>
                    <a:pt x="18928" y="5910"/>
                  </a:cubicBezTo>
                  <a:close/>
                  <a:moveTo>
                    <a:pt x="19475" y="14632"/>
                  </a:moveTo>
                  <a:cubicBezTo>
                    <a:pt x="18260" y="15003"/>
                    <a:pt x="17026" y="15300"/>
                    <a:pt x="15773" y="15513"/>
                  </a:cubicBezTo>
                  <a:cubicBezTo>
                    <a:pt x="16395" y="14103"/>
                    <a:pt x="16720" y="12637"/>
                    <a:pt x="16766" y="11125"/>
                  </a:cubicBezTo>
                  <a:cubicBezTo>
                    <a:pt x="20273" y="11125"/>
                    <a:pt x="20273" y="11125"/>
                    <a:pt x="20273" y="11125"/>
                  </a:cubicBezTo>
                  <a:cubicBezTo>
                    <a:pt x="20236" y="12349"/>
                    <a:pt x="19958" y="13537"/>
                    <a:pt x="19475" y="14632"/>
                  </a:cubicBezTo>
                  <a:close/>
                  <a:moveTo>
                    <a:pt x="11171" y="20273"/>
                  </a:moveTo>
                  <a:cubicBezTo>
                    <a:pt x="11153" y="20273"/>
                    <a:pt x="11143" y="20273"/>
                    <a:pt x="11134" y="20273"/>
                  </a:cubicBezTo>
                  <a:cubicBezTo>
                    <a:pt x="11134" y="17954"/>
                    <a:pt x="11134" y="17954"/>
                    <a:pt x="11134" y="17954"/>
                  </a:cubicBezTo>
                  <a:cubicBezTo>
                    <a:pt x="11737" y="17824"/>
                    <a:pt x="12229" y="17351"/>
                    <a:pt x="12377" y="16747"/>
                  </a:cubicBezTo>
                  <a:cubicBezTo>
                    <a:pt x="13055" y="16720"/>
                    <a:pt x="13732" y="16655"/>
                    <a:pt x="14400" y="16580"/>
                  </a:cubicBezTo>
                  <a:cubicBezTo>
                    <a:pt x="13593" y="17944"/>
                    <a:pt x="12507" y="19178"/>
                    <a:pt x="11171" y="20273"/>
                  </a:cubicBezTo>
                  <a:close/>
                  <a:moveTo>
                    <a:pt x="7191" y="16580"/>
                  </a:moveTo>
                  <a:cubicBezTo>
                    <a:pt x="7868" y="16655"/>
                    <a:pt x="8545" y="16720"/>
                    <a:pt x="9223" y="16747"/>
                  </a:cubicBezTo>
                  <a:cubicBezTo>
                    <a:pt x="9371" y="17351"/>
                    <a:pt x="9854" y="17824"/>
                    <a:pt x="10466" y="17954"/>
                  </a:cubicBezTo>
                  <a:cubicBezTo>
                    <a:pt x="10466" y="20273"/>
                    <a:pt x="10466" y="20273"/>
                    <a:pt x="10466" y="20273"/>
                  </a:cubicBezTo>
                  <a:cubicBezTo>
                    <a:pt x="10457" y="20273"/>
                    <a:pt x="10438" y="20273"/>
                    <a:pt x="10429" y="20273"/>
                  </a:cubicBezTo>
                  <a:cubicBezTo>
                    <a:pt x="9093" y="19178"/>
                    <a:pt x="8007" y="17944"/>
                    <a:pt x="7191" y="16580"/>
                  </a:cubicBezTo>
                  <a:close/>
                  <a:moveTo>
                    <a:pt x="2125" y="6968"/>
                  </a:moveTo>
                  <a:cubicBezTo>
                    <a:pt x="3340" y="6588"/>
                    <a:pt x="4574" y="6291"/>
                    <a:pt x="5818" y="6077"/>
                  </a:cubicBezTo>
                  <a:cubicBezTo>
                    <a:pt x="5381" y="7089"/>
                    <a:pt x="5085" y="8128"/>
                    <a:pt x="4936" y="9195"/>
                  </a:cubicBezTo>
                  <a:cubicBezTo>
                    <a:pt x="4268" y="9297"/>
                    <a:pt x="3739" y="9816"/>
                    <a:pt x="3600" y="10475"/>
                  </a:cubicBezTo>
                  <a:cubicBezTo>
                    <a:pt x="1327" y="10475"/>
                    <a:pt x="1327" y="10475"/>
                    <a:pt x="1327" y="10475"/>
                  </a:cubicBezTo>
                  <a:cubicBezTo>
                    <a:pt x="1364" y="9241"/>
                    <a:pt x="1642" y="8063"/>
                    <a:pt x="2125" y="6968"/>
                  </a:cubicBezTo>
                  <a:close/>
                  <a:moveTo>
                    <a:pt x="10429" y="1327"/>
                  </a:moveTo>
                  <a:cubicBezTo>
                    <a:pt x="10438" y="1327"/>
                    <a:pt x="10457" y="1327"/>
                    <a:pt x="10466" y="1327"/>
                  </a:cubicBezTo>
                  <a:cubicBezTo>
                    <a:pt x="10466" y="4806"/>
                    <a:pt x="10466" y="4806"/>
                    <a:pt x="10466" y="4806"/>
                  </a:cubicBezTo>
                  <a:cubicBezTo>
                    <a:pt x="9371" y="4815"/>
                    <a:pt x="8276" y="4890"/>
                    <a:pt x="7191" y="5020"/>
                  </a:cubicBezTo>
                  <a:cubicBezTo>
                    <a:pt x="8007" y="3656"/>
                    <a:pt x="9093" y="2412"/>
                    <a:pt x="10429" y="1327"/>
                  </a:cubicBezTo>
                  <a:close/>
                  <a:moveTo>
                    <a:pt x="14038" y="4435"/>
                  </a:moveTo>
                  <a:cubicBezTo>
                    <a:pt x="13899" y="4584"/>
                    <a:pt x="13788" y="4751"/>
                    <a:pt x="13713" y="4945"/>
                  </a:cubicBezTo>
                  <a:cubicBezTo>
                    <a:pt x="12860" y="4862"/>
                    <a:pt x="11997" y="4815"/>
                    <a:pt x="11134" y="4806"/>
                  </a:cubicBezTo>
                  <a:cubicBezTo>
                    <a:pt x="11134" y="1327"/>
                    <a:pt x="11134" y="1327"/>
                    <a:pt x="11134" y="1327"/>
                  </a:cubicBezTo>
                  <a:cubicBezTo>
                    <a:pt x="11143" y="1327"/>
                    <a:pt x="11153" y="1327"/>
                    <a:pt x="11171" y="1327"/>
                  </a:cubicBezTo>
                  <a:cubicBezTo>
                    <a:pt x="12312" y="2255"/>
                    <a:pt x="13277" y="3303"/>
                    <a:pt x="14038" y="4435"/>
                  </a:cubicBezTo>
                  <a:close/>
                  <a:moveTo>
                    <a:pt x="11134" y="5660"/>
                  </a:moveTo>
                  <a:cubicBezTo>
                    <a:pt x="11960" y="5669"/>
                    <a:pt x="12795" y="5715"/>
                    <a:pt x="13611" y="5790"/>
                  </a:cubicBezTo>
                  <a:cubicBezTo>
                    <a:pt x="13732" y="6569"/>
                    <a:pt x="14409" y="7172"/>
                    <a:pt x="15216" y="7172"/>
                  </a:cubicBezTo>
                  <a:cubicBezTo>
                    <a:pt x="15281" y="7172"/>
                    <a:pt x="15346" y="7163"/>
                    <a:pt x="15411" y="7163"/>
                  </a:cubicBezTo>
                  <a:cubicBezTo>
                    <a:pt x="15792" y="8230"/>
                    <a:pt x="15996" y="9343"/>
                    <a:pt x="16033" y="10475"/>
                  </a:cubicBezTo>
                  <a:cubicBezTo>
                    <a:pt x="11134" y="10475"/>
                    <a:pt x="11134" y="10475"/>
                    <a:pt x="11134" y="10475"/>
                  </a:cubicBezTo>
                  <a:lnTo>
                    <a:pt x="11134" y="5660"/>
                  </a:lnTo>
                  <a:close/>
                  <a:moveTo>
                    <a:pt x="15959" y="5548"/>
                  </a:moveTo>
                  <a:cubicBezTo>
                    <a:pt x="15959" y="5957"/>
                    <a:pt x="15625" y="6291"/>
                    <a:pt x="15216" y="6291"/>
                  </a:cubicBezTo>
                  <a:cubicBezTo>
                    <a:pt x="14808" y="6291"/>
                    <a:pt x="14474" y="5957"/>
                    <a:pt x="14474" y="5548"/>
                  </a:cubicBezTo>
                  <a:cubicBezTo>
                    <a:pt x="14474" y="5140"/>
                    <a:pt x="14808" y="4806"/>
                    <a:pt x="15216" y="4806"/>
                  </a:cubicBezTo>
                  <a:cubicBezTo>
                    <a:pt x="15625" y="4806"/>
                    <a:pt x="15959" y="5140"/>
                    <a:pt x="15959" y="5548"/>
                  </a:cubicBezTo>
                  <a:close/>
                  <a:moveTo>
                    <a:pt x="10466" y="5660"/>
                  </a:moveTo>
                  <a:cubicBezTo>
                    <a:pt x="10466" y="10475"/>
                    <a:pt x="10466" y="10475"/>
                    <a:pt x="10466" y="10475"/>
                  </a:cubicBezTo>
                  <a:cubicBezTo>
                    <a:pt x="6782" y="10475"/>
                    <a:pt x="6782" y="10475"/>
                    <a:pt x="6782" y="10475"/>
                  </a:cubicBezTo>
                  <a:cubicBezTo>
                    <a:pt x="6671" y="9891"/>
                    <a:pt x="6235" y="9418"/>
                    <a:pt x="5669" y="9251"/>
                  </a:cubicBezTo>
                  <a:cubicBezTo>
                    <a:pt x="5836" y="8109"/>
                    <a:pt x="6179" y="7005"/>
                    <a:pt x="6699" y="5947"/>
                  </a:cubicBezTo>
                  <a:cubicBezTo>
                    <a:pt x="7942" y="5771"/>
                    <a:pt x="9204" y="5678"/>
                    <a:pt x="10466" y="5660"/>
                  </a:cubicBezTo>
                  <a:close/>
                  <a:moveTo>
                    <a:pt x="5938" y="10800"/>
                  </a:moveTo>
                  <a:cubicBezTo>
                    <a:pt x="5938" y="11208"/>
                    <a:pt x="5604" y="11542"/>
                    <a:pt x="5196" y="11542"/>
                  </a:cubicBezTo>
                  <a:cubicBezTo>
                    <a:pt x="4788" y="11542"/>
                    <a:pt x="4454" y="11208"/>
                    <a:pt x="4454" y="10800"/>
                  </a:cubicBezTo>
                  <a:cubicBezTo>
                    <a:pt x="4454" y="10392"/>
                    <a:pt x="4788" y="10058"/>
                    <a:pt x="5196" y="10058"/>
                  </a:cubicBezTo>
                  <a:cubicBezTo>
                    <a:pt x="5604" y="10058"/>
                    <a:pt x="5938" y="10392"/>
                    <a:pt x="5938" y="10800"/>
                  </a:cubicBezTo>
                  <a:close/>
                  <a:moveTo>
                    <a:pt x="1327" y="11125"/>
                  </a:moveTo>
                  <a:cubicBezTo>
                    <a:pt x="3600" y="11125"/>
                    <a:pt x="3600" y="11125"/>
                    <a:pt x="3600" y="11125"/>
                  </a:cubicBezTo>
                  <a:cubicBezTo>
                    <a:pt x="3739" y="11784"/>
                    <a:pt x="4268" y="12294"/>
                    <a:pt x="4936" y="12405"/>
                  </a:cubicBezTo>
                  <a:cubicBezTo>
                    <a:pt x="5085" y="13463"/>
                    <a:pt x="5381" y="14502"/>
                    <a:pt x="5818" y="15513"/>
                  </a:cubicBezTo>
                  <a:cubicBezTo>
                    <a:pt x="4574" y="15300"/>
                    <a:pt x="3340" y="15003"/>
                    <a:pt x="2125" y="14632"/>
                  </a:cubicBezTo>
                  <a:cubicBezTo>
                    <a:pt x="1642" y="13537"/>
                    <a:pt x="1364" y="12349"/>
                    <a:pt x="1327" y="11125"/>
                  </a:cubicBezTo>
                  <a:close/>
                  <a:moveTo>
                    <a:pt x="5669" y="12349"/>
                  </a:moveTo>
                  <a:cubicBezTo>
                    <a:pt x="6235" y="12173"/>
                    <a:pt x="6671" y="11709"/>
                    <a:pt x="6782" y="11125"/>
                  </a:cubicBezTo>
                  <a:cubicBezTo>
                    <a:pt x="10466" y="11125"/>
                    <a:pt x="10466" y="11125"/>
                    <a:pt x="10466" y="11125"/>
                  </a:cubicBezTo>
                  <a:cubicBezTo>
                    <a:pt x="10466" y="14771"/>
                    <a:pt x="10466" y="14771"/>
                    <a:pt x="10466" y="14771"/>
                  </a:cubicBezTo>
                  <a:cubicBezTo>
                    <a:pt x="9881" y="14892"/>
                    <a:pt x="9418" y="15328"/>
                    <a:pt x="9241" y="15894"/>
                  </a:cubicBezTo>
                  <a:cubicBezTo>
                    <a:pt x="8388" y="15847"/>
                    <a:pt x="7543" y="15773"/>
                    <a:pt x="6699" y="15653"/>
                  </a:cubicBezTo>
                  <a:cubicBezTo>
                    <a:pt x="6179" y="14586"/>
                    <a:pt x="5836" y="13481"/>
                    <a:pt x="5669" y="12349"/>
                  </a:cubicBezTo>
                  <a:close/>
                  <a:moveTo>
                    <a:pt x="11542" y="16367"/>
                  </a:moveTo>
                  <a:cubicBezTo>
                    <a:pt x="11542" y="16775"/>
                    <a:pt x="11208" y="17109"/>
                    <a:pt x="10800" y="17109"/>
                  </a:cubicBezTo>
                  <a:cubicBezTo>
                    <a:pt x="10392" y="17109"/>
                    <a:pt x="10058" y="16775"/>
                    <a:pt x="10058" y="16367"/>
                  </a:cubicBezTo>
                  <a:cubicBezTo>
                    <a:pt x="10058" y="15959"/>
                    <a:pt x="10392" y="15625"/>
                    <a:pt x="10800" y="15625"/>
                  </a:cubicBezTo>
                  <a:cubicBezTo>
                    <a:pt x="11208" y="15625"/>
                    <a:pt x="11542" y="15959"/>
                    <a:pt x="11542" y="16367"/>
                  </a:cubicBezTo>
                  <a:close/>
                  <a:moveTo>
                    <a:pt x="12349" y="15894"/>
                  </a:moveTo>
                  <a:cubicBezTo>
                    <a:pt x="12182" y="15328"/>
                    <a:pt x="11709" y="14892"/>
                    <a:pt x="11134" y="14771"/>
                  </a:cubicBezTo>
                  <a:cubicBezTo>
                    <a:pt x="11134" y="11125"/>
                    <a:pt x="11134" y="11125"/>
                    <a:pt x="11134" y="11125"/>
                  </a:cubicBezTo>
                  <a:cubicBezTo>
                    <a:pt x="16033" y="11125"/>
                    <a:pt x="16033" y="11125"/>
                    <a:pt x="16033" y="11125"/>
                  </a:cubicBezTo>
                  <a:cubicBezTo>
                    <a:pt x="15987" y="12684"/>
                    <a:pt x="15606" y="14205"/>
                    <a:pt x="14901" y="15653"/>
                  </a:cubicBezTo>
                  <a:cubicBezTo>
                    <a:pt x="14057" y="15773"/>
                    <a:pt x="13212" y="15847"/>
                    <a:pt x="12349" y="15894"/>
                  </a:cubicBezTo>
                  <a:close/>
                  <a:moveTo>
                    <a:pt x="16766" y="10475"/>
                  </a:moveTo>
                  <a:cubicBezTo>
                    <a:pt x="16729" y="9251"/>
                    <a:pt x="16506" y="8063"/>
                    <a:pt x="16107" y="6912"/>
                  </a:cubicBezTo>
                  <a:cubicBezTo>
                    <a:pt x="16348" y="6745"/>
                    <a:pt x="16553" y="6523"/>
                    <a:pt x="16682" y="6254"/>
                  </a:cubicBezTo>
                  <a:cubicBezTo>
                    <a:pt x="17629" y="6439"/>
                    <a:pt x="18557" y="6680"/>
                    <a:pt x="19475" y="6968"/>
                  </a:cubicBezTo>
                  <a:cubicBezTo>
                    <a:pt x="19958" y="8063"/>
                    <a:pt x="20236" y="9241"/>
                    <a:pt x="20273" y="10475"/>
                  </a:cubicBezTo>
                  <a:lnTo>
                    <a:pt x="16766" y="10475"/>
                  </a:lnTo>
                  <a:close/>
                  <a:moveTo>
                    <a:pt x="4092" y="4092"/>
                  </a:moveTo>
                  <a:cubicBezTo>
                    <a:pt x="5493" y="2700"/>
                    <a:pt x="7246" y="1791"/>
                    <a:pt x="9158" y="1457"/>
                  </a:cubicBezTo>
                  <a:cubicBezTo>
                    <a:pt x="8026" y="2514"/>
                    <a:pt x="7098" y="3684"/>
                    <a:pt x="6384" y="4955"/>
                  </a:cubicBezTo>
                  <a:cubicBezTo>
                    <a:pt x="6346" y="5020"/>
                    <a:pt x="6309" y="5075"/>
                    <a:pt x="6281" y="5140"/>
                  </a:cubicBezTo>
                  <a:cubicBezTo>
                    <a:pt x="5066" y="5326"/>
                    <a:pt x="3860" y="5586"/>
                    <a:pt x="2672" y="5910"/>
                  </a:cubicBezTo>
                  <a:cubicBezTo>
                    <a:pt x="3062" y="5261"/>
                    <a:pt x="3544" y="4648"/>
                    <a:pt x="4092" y="4092"/>
                  </a:cubicBezTo>
                  <a:close/>
                  <a:moveTo>
                    <a:pt x="2672" y="15680"/>
                  </a:moveTo>
                  <a:cubicBezTo>
                    <a:pt x="3860" y="16014"/>
                    <a:pt x="5066" y="16274"/>
                    <a:pt x="6281" y="16451"/>
                  </a:cubicBezTo>
                  <a:cubicBezTo>
                    <a:pt x="6309" y="16515"/>
                    <a:pt x="6346" y="16580"/>
                    <a:pt x="6384" y="16645"/>
                  </a:cubicBezTo>
                  <a:cubicBezTo>
                    <a:pt x="7098" y="17916"/>
                    <a:pt x="8026" y="19086"/>
                    <a:pt x="9158" y="20134"/>
                  </a:cubicBezTo>
                  <a:cubicBezTo>
                    <a:pt x="7246" y="19800"/>
                    <a:pt x="5493" y="18900"/>
                    <a:pt x="4092" y="17499"/>
                  </a:cubicBezTo>
                  <a:cubicBezTo>
                    <a:pt x="3544" y="16952"/>
                    <a:pt x="3062" y="16339"/>
                    <a:pt x="2672" y="15680"/>
                  </a:cubicBezTo>
                  <a:close/>
                  <a:moveTo>
                    <a:pt x="17499" y="17499"/>
                  </a:moveTo>
                  <a:cubicBezTo>
                    <a:pt x="16107" y="18900"/>
                    <a:pt x="14354" y="19809"/>
                    <a:pt x="12442" y="20134"/>
                  </a:cubicBezTo>
                  <a:cubicBezTo>
                    <a:pt x="13574" y="19086"/>
                    <a:pt x="14502" y="17916"/>
                    <a:pt x="15216" y="16645"/>
                  </a:cubicBezTo>
                  <a:cubicBezTo>
                    <a:pt x="15254" y="16580"/>
                    <a:pt x="15281" y="16515"/>
                    <a:pt x="15319" y="16451"/>
                  </a:cubicBezTo>
                  <a:cubicBezTo>
                    <a:pt x="16534" y="16274"/>
                    <a:pt x="17740" y="16014"/>
                    <a:pt x="18928" y="15680"/>
                  </a:cubicBezTo>
                  <a:cubicBezTo>
                    <a:pt x="18538" y="16339"/>
                    <a:pt x="18056" y="16952"/>
                    <a:pt x="17499" y="17499"/>
                  </a:cubicBezTo>
                  <a:close/>
                </a:path>
              </a:pathLst>
            </a:custGeom>
            <a:solidFill>
              <a:srgbClr val="595959"/>
            </a:solidFill>
            <a:ln w="3175">
              <a:solidFill>
                <a:schemeClr val="bg1"/>
              </a:solidFill>
              <a:miter lim="400000"/>
            </a:ln>
          </p:spPr>
          <p:txBody>
            <a:bodyPr tIns="91439" bIns="91439"/>
            <a:lstStyle/>
            <a:p>
              <a:pPr defTabSz="914400">
                <a:lnSpc>
                  <a:spcPct val="80000"/>
                </a:lnSpc>
                <a:defRPr sz="5400" cap="all" spc="-270">
                  <a:solidFill>
                    <a:srgbClr val="000000"/>
                  </a:solidFill>
                  <a:latin typeface="Poppins Bold"/>
                  <a:ea typeface="Poppins Bold"/>
                  <a:cs typeface="Poppins Bold"/>
                  <a:sym typeface="Poppins Bold"/>
                </a:defRPr>
              </a:pPr>
              <a:endParaRPr/>
            </a:p>
          </p:txBody>
        </p:sp>
        <p:pic>
          <p:nvPicPr>
            <p:cNvPr id="75" name="Picture 74" descr="cmm3.png">
              <a:extLst>
                <a:ext uri="{FF2B5EF4-FFF2-40B4-BE49-F238E27FC236}">
                  <a16:creationId xmlns:a16="http://schemas.microsoft.com/office/drawing/2014/main" id="{4BE8FC38-9EC3-AC25-8276-A050066A8427}"/>
                </a:ext>
              </a:extLst>
            </p:cNvPr>
            <p:cNvPicPr>
              <a:picLocks noChangeAspect="1"/>
            </p:cNvPicPr>
            <p:nvPr/>
          </p:nvPicPr>
          <p:blipFill rotWithShape="1">
            <a:blip r:embed="rId22" cstate="email">
              <a:extLst>
                <a:ext uri="{28A0092B-C50C-407E-A947-70E740481C1C}">
                  <a14:useLocalDpi xmlns:a14="http://schemas.microsoft.com/office/drawing/2010/main"/>
                </a:ext>
              </a:extLst>
            </a:blip>
            <a:srcRect l="13789" r="12237"/>
            <a:stretch/>
          </p:blipFill>
          <p:spPr>
            <a:xfrm>
              <a:off x="10373858" y="5382368"/>
              <a:ext cx="684378" cy="543181"/>
            </a:xfrm>
            <a:prstGeom prst="rect">
              <a:avLst/>
            </a:prstGeom>
          </p:spPr>
        </p:pic>
        <p:sp>
          <p:nvSpPr>
            <p:cNvPr id="76" name="Oval 75">
              <a:extLst>
                <a:ext uri="{FF2B5EF4-FFF2-40B4-BE49-F238E27FC236}">
                  <a16:creationId xmlns:a16="http://schemas.microsoft.com/office/drawing/2014/main" id="{1CAFD5E2-8DF0-0520-448F-0F6EB359A834}"/>
                </a:ext>
              </a:extLst>
            </p:cNvPr>
            <p:cNvSpPr/>
            <p:nvPr/>
          </p:nvSpPr>
          <p:spPr>
            <a:xfrm>
              <a:off x="9464181" y="1676545"/>
              <a:ext cx="557816" cy="566114"/>
            </a:xfrm>
            <a:prstGeom prst="ellipse">
              <a:avLst/>
            </a:prstGeom>
            <a:blipFill>
              <a:blip r:embed="rId23" cstate="screen">
                <a:extLst>
                  <a:ext uri="{28A0092B-C50C-407E-A947-70E740481C1C}">
                    <a14:useLocalDpi xmlns:a14="http://schemas.microsoft.com/office/drawing/2010/main"/>
                  </a:ext>
                </a:extLst>
              </a:blip>
              <a:srcRect/>
              <a:stretch>
                <a:fillRect/>
              </a:stretch>
            </a:blipFill>
          </p:spPr>
          <p:style>
            <a:lnRef idx="2">
              <a:schemeClr val="accent1">
                <a:shade val="80000"/>
                <a:hueOff val="0"/>
                <a:satOff val="0"/>
                <a:lumOff val="0"/>
                <a:alphaOff val="0"/>
              </a:schemeClr>
            </a:lnRef>
            <a:fillRef idx="1">
              <a:scrgbClr r="0" g="0" b="0"/>
            </a:fillRef>
            <a:effectRef idx="0">
              <a:schemeClr val="accent1">
                <a:tint val="40000"/>
                <a:hueOff val="0"/>
                <a:satOff val="0"/>
                <a:lumOff val="0"/>
                <a:alphaOff val="0"/>
              </a:schemeClr>
            </a:effectRef>
            <a:fontRef idx="minor">
              <a:schemeClr val="lt1">
                <a:hueOff val="0"/>
                <a:satOff val="0"/>
                <a:lumOff val="0"/>
                <a:alphaOff val="0"/>
              </a:schemeClr>
            </a:fontRef>
          </p:style>
          <p:txBody>
            <a:bodyPr/>
            <a:lstStyle/>
            <a:p>
              <a:endParaRPr lang="en-IN"/>
            </a:p>
          </p:txBody>
        </p:sp>
        <p:sp>
          <p:nvSpPr>
            <p:cNvPr id="77" name="Oval 76">
              <a:extLst>
                <a:ext uri="{FF2B5EF4-FFF2-40B4-BE49-F238E27FC236}">
                  <a16:creationId xmlns:a16="http://schemas.microsoft.com/office/drawing/2014/main" id="{5D4F4E1A-E054-CC71-75B1-9DC2CC2E1DF4}"/>
                </a:ext>
              </a:extLst>
            </p:cNvPr>
            <p:cNvSpPr/>
            <p:nvPr/>
          </p:nvSpPr>
          <p:spPr>
            <a:xfrm>
              <a:off x="9461712" y="5367910"/>
              <a:ext cx="554260" cy="562506"/>
            </a:xfrm>
            <a:prstGeom prst="ellipse">
              <a:avLst/>
            </a:prstGeom>
            <a:blipFill dpi="0" rotWithShape="1">
              <a:blip r:embed="rId24" cstate="screen">
                <a:extLst>
                  <a:ext uri="{28A0092B-C50C-407E-A947-70E740481C1C}">
                    <a14:useLocalDpi xmlns:a14="http://schemas.microsoft.com/office/drawing/2010/main"/>
                  </a:ext>
                </a:extLst>
              </a:blip>
              <a:srcRect/>
              <a:stretch>
                <a:fillRect/>
              </a:stretch>
            </a:blipFill>
          </p:spPr>
          <p:style>
            <a:lnRef idx="2">
              <a:schemeClr val="accent1">
                <a:shade val="80000"/>
                <a:hueOff val="0"/>
                <a:satOff val="0"/>
                <a:lumOff val="0"/>
                <a:alphaOff val="0"/>
              </a:schemeClr>
            </a:lnRef>
            <a:fillRef idx="1">
              <a:scrgbClr r="0" g="0" b="0"/>
            </a:fillRef>
            <a:effectRef idx="0">
              <a:schemeClr val="accent1">
                <a:tint val="40000"/>
                <a:hueOff val="0"/>
                <a:satOff val="0"/>
                <a:lumOff val="0"/>
                <a:alphaOff val="0"/>
              </a:schemeClr>
            </a:effectRef>
            <a:fontRef idx="minor">
              <a:schemeClr val="lt1">
                <a:hueOff val="0"/>
                <a:satOff val="0"/>
                <a:lumOff val="0"/>
                <a:alphaOff val="0"/>
              </a:schemeClr>
            </a:fontRef>
          </p:style>
          <p:txBody>
            <a:bodyPr/>
            <a:lstStyle/>
            <a:p>
              <a:endParaRPr lang="en-IN"/>
            </a:p>
          </p:txBody>
        </p:sp>
        <p:sp>
          <p:nvSpPr>
            <p:cNvPr id="78" name="Oval 77">
              <a:extLst>
                <a:ext uri="{FF2B5EF4-FFF2-40B4-BE49-F238E27FC236}">
                  <a16:creationId xmlns:a16="http://schemas.microsoft.com/office/drawing/2014/main" id="{0F9F00D2-F87C-56F1-1FDF-4AE2D3E8A7BA}"/>
                </a:ext>
              </a:extLst>
            </p:cNvPr>
            <p:cNvSpPr/>
            <p:nvPr/>
          </p:nvSpPr>
          <p:spPr>
            <a:xfrm>
              <a:off x="10427142" y="1676545"/>
              <a:ext cx="557816" cy="566114"/>
            </a:xfrm>
            <a:prstGeom prst="ellipse">
              <a:avLst/>
            </a:prstGeom>
            <a:blipFill>
              <a:blip r:embed="rId25" cstate="screen">
                <a:extLst>
                  <a:ext uri="{28A0092B-C50C-407E-A947-70E740481C1C}">
                    <a14:useLocalDpi xmlns:a14="http://schemas.microsoft.com/office/drawing/2010/main"/>
                  </a:ext>
                </a:extLst>
              </a:blip>
              <a:srcRect/>
              <a:stretch>
                <a:fillRect/>
              </a:stretch>
            </a:blipFill>
          </p:spPr>
          <p:style>
            <a:lnRef idx="2">
              <a:schemeClr val="accent1">
                <a:shade val="80000"/>
                <a:hueOff val="0"/>
                <a:satOff val="0"/>
                <a:lumOff val="0"/>
                <a:alphaOff val="0"/>
              </a:schemeClr>
            </a:lnRef>
            <a:fillRef idx="1">
              <a:scrgbClr r="0" g="0" b="0"/>
            </a:fillRef>
            <a:effectRef idx="0">
              <a:schemeClr val="accent1">
                <a:tint val="40000"/>
                <a:hueOff val="0"/>
                <a:satOff val="0"/>
                <a:lumOff val="0"/>
                <a:alphaOff val="0"/>
              </a:schemeClr>
            </a:effectRef>
            <a:fontRef idx="minor">
              <a:schemeClr val="lt1">
                <a:hueOff val="0"/>
                <a:satOff val="0"/>
                <a:lumOff val="0"/>
                <a:alphaOff val="0"/>
              </a:schemeClr>
            </a:fontRef>
          </p:style>
          <p:txBody>
            <a:bodyPr/>
            <a:lstStyle/>
            <a:p>
              <a:endParaRPr lang="en-IN"/>
            </a:p>
          </p:txBody>
        </p:sp>
        <p:sp>
          <p:nvSpPr>
            <p:cNvPr id="79" name="Oval 78">
              <a:extLst>
                <a:ext uri="{FF2B5EF4-FFF2-40B4-BE49-F238E27FC236}">
                  <a16:creationId xmlns:a16="http://schemas.microsoft.com/office/drawing/2014/main" id="{1AC8B5F5-06A7-5518-A3AC-9F52C1E26DB2}"/>
                </a:ext>
              </a:extLst>
            </p:cNvPr>
            <p:cNvSpPr/>
            <p:nvPr/>
          </p:nvSpPr>
          <p:spPr>
            <a:xfrm>
              <a:off x="10428888" y="4103614"/>
              <a:ext cx="562831" cy="571204"/>
            </a:xfrm>
            <a:prstGeom prst="ellipse">
              <a:avLst/>
            </a:prstGeom>
            <a:blipFill>
              <a:blip r:embed="rId26" cstate="email">
                <a:extLst>
                  <a:ext uri="{28A0092B-C50C-407E-A947-70E740481C1C}">
                    <a14:useLocalDpi xmlns:a14="http://schemas.microsoft.com/office/drawing/2010/main"/>
                  </a:ext>
                </a:extLst>
              </a:blip>
              <a:srcRect/>
              <a:stretch>
                <a:fillRect/>
              </a:stretch>
            </a:blipFill>
          </p:spPr>
          <p:style>
            <a:lnRef idx="2">
              <a:schemeClr val="accent1">
                <a:shade val="80000"/>
                <a:hueOff val="0"/>
                <a:satOff val="0"/>
                <a:lumOff val="0"/>
                <a:alphaOff val="0"/>
              </a:schemeClr>
            </a:lnRef>
            <a:fillRef idx="1">
              <a:scrgbClr r="0" g="0" b="0"/>
            </a:fillRef>
            <a:effectRef idx="0">
              <a:schemeClr val="accent1">
                <a:tint val="40000"/>
                <a:hueOff val="0"/>
                <a:satOff val="0"/>
                <a:lumOff val="0"/>
                <a:alphaOff val="0"/>
              </a:schemeClr>
            </a:effectRef>
            <a:fontRef idx="minor">
              <a:schemeClr val="lt1">
                <a:hueOff val="0"/>
                <a:satOff val="0"/>
                <a:lumOff val="0"/>
                <a:alphaOff val="0"/>
              </a:schemeClr>
            </a:fontRef>
          </p:style>
          <p:txBody>
            <a:bodyPr/>
            <a:lstStyle/>
            <a:p>
              <a:endParaRPr lang="en-IN"/>
            </a:p>
          </p:txBody>
        </p:sp>
        <p:sp>
          <p:nvSpPr>
            <p:cNvPr id="80" name="Oval 79">
              <a:extLst>
                <a:ext uri="{FF2B5EF4-FFF2-40B4-BE49-F238E27FC236}">
                  <a16:creationId xmlns:a16="http://schemas.microsoft.com/office/drawing/2014/main" id="{A6C55051-6557-FA75-ED47-8A457BC7B772}"/>
                </a:ext>
              </a:extLst>
            </p:cNvPr>
            <p:cNvSpPr/>
            <p:nvPr/>
          </p:nvSpPr>
          <p:spPr>
            <a:xfrm>
              <a:off x="9464181" y="4103614"/>
              <a:ext cx="557816" cy="566114"/>
            </a:xfrm>
            <a:prstGeom prst="ellipse">
              <a:avLst/>
            </a:prstGeom>
            <a:blipFill>
              <a:blip r:embed="rId27" cstate="email">
                <a:extLst>
                  <a:ext uri="{28A0092B-C50C-407E-A947-70E740481C1C}">
                    <a14:useLocalDpi xmlns:a14="http://schemas.microsoft.com/office/drawing/2010/main"/>
                  </a:ext>
                </a:extLst>
              </a:blip>
              <a:srcRect/>
              <a:stretch>
                <a:fillRect/>
              </a:stretch>
            </a:blipFill>
          </p:spPr>
          <p:style>
            <a:lnRef idx="2">
              <a:schemeClr val="accent1">
                <a:shade val="80000"/>
                <a:hueOff val="0"/>
                <a:satOff val="0"/>
                <a:lumOff val="0"/>
                <a:alphaOff val="0"/>
              </a:schemeClr>
            </a:lnRef>
            <a:fillRef idx="1">
              <a:scrgbClr r="0" g="0" b="0"/>
            </a:fillRef>
            <a:effectRef idx="0">
              <a:schemeClr val="accent1">
                <a:tint val="40000"/>
                <a:hueOff val="0"/>
                <a:satOff val="0"/>
                <a:lumOff val="0"/>
                <a:alphaOff val="0"/>
              </a:schemeClr>
            </a:effectRef>
            <a:fontRef idx="minor">
              <a:schemeClr val="lt1">
                <a:hueOff val="0"/>
                <a:satOff val="0"/>
                <a:lumOff val="0"/>
                <a:alphaOff val="0"/>
              </a:schemeClr>
            </a:fontRef>
          </p:style>
          <p:txBody>
            <a:bodyPr/>
            <a:lstStyle/>
            <a:p>
              <a:endParaRPr lang="en-IN"/>
            </a:p>
          </p:txBody>
        </p:sp>
        <p:sp>
          <p:nvSpPr>
            <p:cNvPr id="81" name="Oval 80">
              <a:extLst>
                <a:ext uri="{FF2B5EF4-FFF2-40B4-BE49-F238E27FC236}">
                  <a16:creationId xmlns:a16="http://schemas.microsoft.com/office/drawing/2014/main" id="{08443E4C-CB5E-AB5E-F4BD-D0CE373737FD}"/>
                </a:ext>
              </a:extLst>
            </p:cNvPr>
            <p:cNvSpPr/>
            <p:nvPr/>
          </p:nvSpPr>
          <p:spPr>
            <a:xfrm>
              <a:off x="10427141" y="2888045"/>
              <a:ext cx="613271" cy="585623"/>
            </a:xfrm>
            <a:prstGeom prst="ellipse">
              <a:avLst/>
            </a:prstGeom>
            <a:blipFill>
              <a:blip r:embed="rId28" cstate="email">
                <a:extLst>
                  <a:ext uri="{28A0092B-C50C-407E-A947-70E740481C1C}">
                    <a14:useLocalDpi xmlns:a14="http://schemas.microsoft.com/office/drawing/2010/main"/>
                  </a:ext>
                </a:extLst>
              </a:blip>
              <a:srcRect/>
              <a:stretch>
                <a:fillRect/>
              </a:stretch>
            </a:blipFill>
          </p:spPr>
          <p:style>
            <a:lnRef idx="2">
              <a:schemeClr val="accent1">
                <a:shade val="80000"/>
                <a:hueOff val="0"/>
                <a:satOff val="0"/>
                <a:lumOff val="0"/>
                <a:alphaOff val="0"/>
              </a:schemeClr>
            </a:lnRef>
            <a:fillRef idx="1">
              <a:scrgbClr r="0" g="0" b="0"/>
            </a:fillRef>
            <a:effectRef idx="0">
              <a:schemeClr val="accent1">
                <a:tint val="40000"/>
                <a:hueOff val="0"/>
                <a:satOff val="0"/>
                <a:lumOff val="0"/>
                <a:alphaOff val="0"/>
              </a:schemeClr>
            </a:effectRef>
            <a:fontRef idx="minor">
              <a:schemeClr val="lt1">
                <a:hueOff val="0"/>
                <a:satOff val="0"/>
                <a:lumOff val="0"/>
                <a:alphaOff val="0"/>
              </a:schemeClr>
            </a:fontRef>
          </p:style>
          <p:txBody>
            <a:bodyPr/>
            <a:lstStyle/>
            <a:p>
              <a:endParaRPr lang="en-IN"/>
            </a:p>
          </p:txBody>
        </p:sp>
        <p:pic>
          <p:nvPicPr>
            <p:cNvPr id="82" name="Picture 2">
              <a:extLst>
                <a:ext uri="{FF2B5EF4-FFF2-40B4-BE49-F238E27FC236}">
                  <a16:creationId xmlns:a16="http://schemas.microsoft.com/office/drawing/2014/main" id="{179F5B87-0C20-9FDE-A421-DA0F966DAA84}"/>
                </a:ext>
              </a:extLst>
            </p:cNvPr>
            <p:cNvPicPr>
              <a:picLocks noChangeAspect="1" noChangeArrowheads="1"/>
            </p:cNvPicPr>
            <p:nvPr/>
          </p:nvPicPr>
          <p:blipFill>
            <a:blip r:embed="rId29" cstate="email">
              <a:extLst>
                <a:ext uri="{28A0092B-C50C-407E-A947-70E740481C1C}">
                  <a14:useLocalDpi xmlns:a14="http://schemas.microsoft.com/office/drawing/2010/main"/>
                </a:ext>
              </a:extLst>
            </a:blip>
            <a:srcRect/>
            <a:stretch>
              <a:fillRect/>
            </a:stretch>
          </p:blipFill>
          <p:spPr bwMode="auto">
            <a:xfrm>
              <a:off x="9438373" y="2883124"/>
              <a:ext cx="619114" cy="597309"/>
            </a:xfrm>
            <a:prstGeom prst="ellipse">
              <a:avLst/>
            </a:prstGeom>
            <a:noFill/>
            <a:extLst>
              <a:ext uri="{909E8E84-426E-40DD-AFC4-6F175D3DCCD1}">
                <a14:hiddenFill xmlns:a14="http://schemas.microsoft.com/office/drawing/2010/main">
                  <a:solidFill>
                    <a:srgbClr val="FFFFFF"/>
                  </a:solidFill>
                </a14:hiddenFill>
              </a:ext>
            </a:extLst>
          </p:spPr>
        </p:pic>
        <p:sp>
          <p:nvSpPr>
            <p:cNvPr id="83" name="TextBox 82">
              <a:extLst>
                <a:ext uri="{FF2B5EF4-FFF2-40B4-BE49-F238E27FC236}">
                  <a16:creationId xmlns:a16="http://schemas.microsoft.com/office/drawing/2014/main" id="{DEF10FE2-8012-52B9-FCCC-80C0793FF6C0}"/>
                </a:ext>
              </a:extLst>
            </p:cNvPr>
            <p:cNvSpPr txBox="1"/>
            <p:nvPr/>
          </p:nvSpPr>
          <p:spPr>
            <a:xfrm>
              <a:off x="3453870" y="1692420"/>
              <a:ext cx="719742" cy="461665"/>
            </a:xfrm>
            <a:prstGeom prst="rect">
              <a:avLst/>
            </a:prstGeom>
            <a:noFill/>
          </p:spPr>
          <p:txBody>
            <a:bodyPr wrap="square">
              <a:spAutoFit/>
            </a:bodyPr>
            <a:lstStyle/>
            <a:p>
              <a:pPr algn="ctr">
                <a:lnSpc>
                  <a:spcPct val="150000"/>
                </a:lnSpc>
                <a:defRPr/>
              </a:pPr>
              <a:r>
                <a:rPr lang="en-IN" kern="0">
                  <a:solidFill>
                    <a:srgbClr val="0085BE"/>
                  </a:solidFill>
                  <a:latin typeface="Roboto "/>
                  <a:ea typeface="Roboto light" panose="02000000000000000000" pitchFamily="2" charset="0"/>
                  <a:cs typeface="Roboto light" panose="02000000000000000000" pitchFamily="2" charset="0"/>
                </a:rPr>
                <a:t>30K+</a:t>
              </a:r>
            </a:p>
          </p:txBody>
        </p:sp>
      </p:grpSp>
    </p:spTree>
    <p:extLst>
      <p:ext uri="{BB962C8B-B14F-4D97-AF65-F5344CB8AC3E}">
        <p14:creationId xmlns:p14="http://schemas.microsoft.com/office/powerpoint/2010/main" val="3100795117"/>
      </p:ext>
    </p:extLst>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 name="Rectangle: Top Corners Rounded 12">
            <a:extLst>
              <a:ext uri="{FF2B5EF4-FFF2-40B4-BE49-F238E27FC236}">
                <a16:creationId xmlns:a16="http://schemas.microsoft.com/office/drawing/2014/main" id="{808C645C-639B-6C63-21A2-683972589460}"/>
              </a:ext>
            </a:extLst>
          </p:cNvPr>
          <p:cNvSpPr/>
          <p:nvPr/>
        </p:nvSpPr>
        <p:spPr>
          <a:xfrm>
            <a:off x="574344" y="5442968"/>
            <a:ext cx="1480598" cy="432919"/>
          </a:xfrm>
          <a:prstGeom prst="round2SameRect">
            <a:avLst>
              <a:gd name="adj1" fmla="val 15279"/>
              <a:gd name="adj2" fmla="val 17939"/>
            </a:avLst>
          </a:prstGeom>
          <a:solidFill>
            <a:schemeClr val="bg1"/>
          </a:solidFill>
          <a:ln>
            <a:solidFill>
              <a:schemeClr val="bg1">
                <a:lumMod val="85000"/>
              </a:schemeClr>
            </a:solidFill>
          </a:ln>
          <a:effectLst>
            <a:outerShdw blurRad="50800" dist="38100" dir="2700000" algn="tl" rotWithShape="0">
              <a:prstClr val="black">
                <a:alpha val="1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sz="1400"/>
          </a:p>
        </p:txBody>
      </p:sp>
      <p:sp>
        <p:nvSpPr>
          <p:cNvPr id="5" name="Rectangle 4">
            <a:extLst>
              <a:ext uri="{FF2B5EF4-FFF2-40B4-BE49-F238E27FC236}">
                <a16:creationId xmlns:a16="http://schemas.microsoft.com/office/drawing/2014/main" id="{0EEAE0C8-A78D-6773-2965-7B8ABCBC7BAC}"/>
              </a:ext>
            </a:extLst>
          </p:cNvPr>
          <p:cNvSpPr/>
          <p:nvPr/>
        </p:nvSpPr>
        <p:spPr>
          <a:xfrm>
            <a:off x="6790310" y="1"/>
            <a:ext cx="5401690" cy="6858000"/>
          </a:xfrm>
          <a:prstGeom prst="rect">
            <a:avLst/>
          </a:prstGeom>
          <a:solidFill>
            <a:srgbClr val="0085BE"/>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2" name="Title 1">
            <a:extLst>
              <a:ext uri="{FF2B5EF4-FFF2-40B4-BE49-F238E27FC236}">
                <a16:creationId xmlns:a16="http://schemas.microsoft.com/office/drawing/2014/main" id="{2447EBAC-CFBA-8B81-4EB2-EDD4413595B3}"/>
              </a:ext>
            </a:extLst>
          </p:cNvPr>
          <p:cNvSpPr>
            <a:spLocks noGrp="1"/>
          </p:cNvSpPr>
          <p:nvPr>
            <p:ph type="title"/>
          </p:nvPr>
        </p:nvSpPr>
        <p:spPr/>
        <p:txBody>
          <a:bodyPr/>
          <a:lstStyle/>
          <a:p>
            <a:r>
              <a:rPr lang="en-US"/>
              <a:t>MILK GAME</a:t>
            </a:r>
            <a:endParaRPr lang="en-IN"/>
          </a:p>
        </p:txBody>
      </p:sp>
      <p:sp>
        <p:nvSpPr>
          <p:cNvPr id="3" name="Content Placeholder 2">
            <a:extLst>
              <a:ext uri="{FF2B5EF4-FFF2-40B4-BE49-F238E27FC236}">
                <a16:creationId xmlns:a16="http://schemas.microsoft.com/office/drawing/2014/main" id="{81B63953-1DC3-C5E4-F518-48A6A5C185F0}"/>
              </a:ext>
            </a:extLst>
          </p:cNvPr>
          <p:cNvSpPr>
            <a:spLocks noGrp="1"/>
          </p:cNvSpPr>
          <p:nvPr>
            <p:ph idx="1"/>
          </p:nvPr>
        </p:nvSpPr>
        <p:spPr>
          <a:xfrm>
            <a:off x="533401" y="1377340"/>
            <a:ext cx="5652495" cy="4351338"/>
          </a:xfrm>
        </p:spPr>
        <p:txBody>
          <a:bodyPr vert="horz" lIns="91440" tIns="45720" rIns="91440" bIns="45720" rtlCol="0" anchor="t">
            <a:normAutofit/>
          </a:bodyPr>
          <a:lstStyle/>
          <a:p>
            <a:pPr marL="0" lvl="2" indent="0">
              <a:lnSpc>
                <a:spcPct val="100000"/>
              </a:lnSpc>
              <a:spcBef>
                <a:spcPts val="0"/>
              </a:spcBef>
              <a:buClr>
                <a:srgbClr val="00799E"/>
              </a:buClr>
              <a:buNone/>
            </a:pPr>
            <a:r>
              <a:rPr lang="en-US" sz="1400" b="1">
                <a:solidFill>
                  <a:srgbClr val="00799E"/>
                </a:solidFill>
                <a:latin typeface="+mj-lt"/>
                <a:ea typeface="Roboto" pitchFamily="2" charset="0"/>
                <a:cs typeface="+mj-cs"/>
              </a:rPr>
              <a:t>About: </a:t>
            </a:r>
            <a:r>
              <a:rPr lang="en-US" sz="1400">
                <a:solidFill>
                  <a:srgbClr val="404040"/>
                </a:solidFill>
                <a:latin typeface="+mj-lt"/>
                <a:ea typeface="Roboto" pitchFamily="2" charset="0"/>
              </a:rPr>
              <a:t>A game to teach concepts and procedures of managing supply chain operations. This was developed as part of a global training program for new hire supply chain professionals of a Big Four professional services firm.</a:t>
            </a:r>
          </a:p>
          <a:p>
            <a:pPr marL="0" lvl="2" indent="0">
              <a:lnSpc>
                <a:spcPct val="100000"/>
              </a:lnSpc>
              <a:spcBef>
                <a:spcPts val="0"/>
              </a:spcBef>
              <a:buClr>
                <a:srgbClr val="00799E"/>
              </a:buClr>
              <a:buNone/>
            </a:pPr>
            <a:endParaRPr lang="en-US" sz="1400" b="1">
              <a:solidFill>
                <a:srgbClr val="00799E"/>
              </a:solidFill>
              <a:latin typeface="+mj-lt"/>
              <a:ea typeface="Roboto" pitchFamily="2" charset="0"/>
              <a:cs typeface="+mj-cs"/>
            </a:endParaRPr>
          </a:p>
          <a:p>
            <a:pPr marL="0" lvl="2" indent="0">
              <a:lnSpc>
                <a:spcPct val="100000"/>
              </a:lnSpc>
              <a:spcBef>
                <a:spcPts val="0"/>
              </a:spcBef>
              <a:buClr>
                <a:srgbClr val="00799E"/>
              </a:buClr>
              <a:buNone/>
            </a:pPr>
            <a:r>
              <a:rPr lang="en-US" sz="1400" b="1">
                <a:solidFill>
                  <a:srgbClr val="00799E"/>
                </a:solidFill>
                <a:latin typeface="+mj-lt"/>
                <a:ea typeface="Roboto" pitchFamily="2" charset="0"/>
                <a:cs typeface="+mj-cs"/>
              </a:rPr>
              <a:t>Design highlights: </a:t>
            </a:r>
          </a:p>
          <a:p>
            <a:pPr marL="285750" lvl="2" indent="-285750">
              <a:lnSpc>
                <a:spcPct val="100000"/>
              </a:lnSpc>
              <a:spcBef>
                <a:spcPts val="0"/>
              </a:spcBef>
              <a:buClr>
                <a:srgbClr val="00799E"/>
              </a:buClr>
            </a:pPr>
            <a:r>
              <a:rPr lang="en-US" sz="1400">
                <a:solidFill>
                  <a:srgbClr val="404040"/>
                </a:solidFill>
                <a:latin typeface="+mj-lt"/>
                <a:ea typeface="Roboto" pitchFamily="2" charset="0"/>
              </a:rPr>
              <a:t>Role-play based that lets players experience typical supply chain problems – wholesaler, distributer, producer, and retailer, and teaches the importance of collaboration</a:t>
            </a:r>
          </a:p>
          <a:p>
            <a:pPr marL="285750" lvl="2" indent="-285750">
              <a:lnSpc>
                <a:spcPct val="100000"/>
              </a:lnSpc>
              <a:spcBef>
                <a:spcPts val="0"/>
              </a:spcBef>
              <a:buClr>
                <a:srgbClr val="00799E"/>
              </a:buClr>
            </a:pPr>
            <a:r>
              <a:rPr lang="en-US" sz="1400">
                <a:solidFill>
                  <a:srgbClr val="404040"/>
                </a:solidFill>
                <a:latin typeface="+mj-lt"/>
                <a:ea typeface="Roboto" pitchFamily="2" charset="0"/>
              </a:rPr>
              <a:t>Designed to test players’ understanding of the concept of demand and supply and provide consolidated status of the supply chain and players’ role</a:t>
            </a:r>
          </a:p>
          <a:p>
            <a:pPr marL="285750" lvl="2" indent="-285750">
              <a:lnSpc>
                <a:spcPct val="100000"/>
              </a:lnSpc>
              <a:spcBef>
                <a:spcPts val="0"/>
              </a:spcBef>
              <a:buClr>
                <a:srgbClr val="00799E"/>
              </a:buClr>
            </a:pPr>
            <a:r>
              <a:rPr lang="en-US" sz="1400">
                <a:solidFill>
                  <a:srgbClr val="404040"/>
                </a:solidFill>
                <a:latin typeface="+mj-lt"/>
                <a:ea typeface="Roboto" pitchFamily="2" charset="0"/>
              </a:rPr>
              <a:t>The game is played in rounds, which simulates in weeks</a:t>
            </a:r>
          </a:p>
          <a:p>
            <a:pPr marL="285750" lvl="2" indent="-285750">
              <a:lnSpc>
                <a:spcPct val="100000"/>
              </a:lnSpc>
              <a:spcBef>
                <a:spcPts val="0"/>
              </a:spcBef>
              <a:buClr>
                <a:srgbClr val="00799E"/>
              </a:buClr>
            </a:pPr>
            <a:r>
              <a:rPr lang="en-US" sz="1400">
                <a:solidFill>
                  <a:srgbClr val="404040"/>
                </a:solidFill>
                <a:latin typeface="+mj-lt"/>
                <a:ea typeface="Roboto"/>
              </a:rPr>
              <a:t>Game Leader specifies the game name, weeks and selects the role. Game Leader can choose to add a BOT player in place of a particular role in case they lack players, but all four players cannot be a BOT player</a:t>
            </a:r>
            <a:endParaRPr lang="en-US" sz="1400">
              <a:solidFill>
                <a:srgbClr val="404040"/>
              </a:solidFill>
              <a:latin typeface="+mj-lt"/>
              <a:ea typeface="Roboto"/>
              <a:cs typeface="Calibri Light"/>
            </a:endParaRPr>
          </a:p>
          <a:p>
            <a:pPr marL="285750" lvl="2" indent="-285750">
              <a:lnSpc>
                <a:spcPct val="100000"/>
              </a:lnSpc>
              <a:spcBef>
                <a:spcPts val="0"/>
              </a:spcBef>
              <a:buClr>
                <a:srgbClr val="00799E"/>
              </a:buClr>
            </a:pPr>
            <a:r>
              <a:rPr lang="en-US" sz="1400">
                <a:solidFill>
                  <a:srgbClr val="404040"/>
                </a:solidFill>
                <a:latin typeface="+mj-lt"/>
                <a:ea typeface="Roboto" pitchFamily="2" charset="0"/>
              </a:rPr>
              <a:t>The game allows learners to learn and discover their way to knowledge retention and application</a:t>
            </a:r>
          </a:p>
          <a:p>
            <a:pPr marL="285750" lvl="2" indent="-285750">
              <a:lnSpc>
                <a:spcPct val="100000"/>
              </a:lnSpc>
              <a:spcBef>
                <a:spcPts val="0"/>
              </a:spcBef>
              <a:buClr>
                <a:srgbClr val="00799E"/>
              </a:buClr>
            </a:pPr>
            <a:r>
              <a:rPr lang="en-US" sz="1400">
                <a:solidFill>
                  <a:srgbClr val="404040"/>
                </a:solidFill>
                <a:latin typeface="+mj-lt"/>
                <a:ea typeface="Roboto"/>
              </a:rPr>
              <a:t>Built using – Custom HTML5, .NET</a:t>
            </a:r>
            <a:endParaRPr lang="en-US" sz="1400">
              <a:solidFill>
                <a:srgbClr val="00799E"/>
              </a:solidFill>
              <a:latin typeface="+mj-lt"/>
              <a:ea typeface="Roboto"/>
              <a:cs typeface="Calibri Light"/>
            </a:endParaRPr>
          </a:p>
          <a:p>
            <a:pPr marL="0" lvl="2" indent="0">
              <a:lnSpc>
                <a:spcPct val="100000"/>
              </a:lnSpc>
              <a:spcBef>
                <a:spcPts val="0"/>
              </a:spcBef>
              <a:buClr>
                <a:srgbClr val="00799E"/>
              </a:buClr>
              <a:buNone/>
            </a:pPr>
            <a:endParaRPr lang="en-US" sz="1400" b="1">
              <a:solidFill>
                <a:srgbClr val="00799E"/>
              </a:solidFill>
              <a:latin typeface="+mj-lt"/>
              <a:ea typeface="Roboto" pitchFamily="2" charset="0"/>
              <a:cs typeface="+mj-cs"/>
            </a:endParaRPr>
          </a:p>
          <a:p>
            <a:pPr marL="0" lvl="2" indent="0">
              <a:lnSpc>
                <a:spcPct val="100000"/>
              </a:lnSpc>
              <a:spcBef>
                <a:spcPts val="0"/>
              </a:spcBef>
              <a:buClr>
                <a:srgbClr val="00799E"/>
              </a:buClr>
              <a:buNone/>
            </a:pPr>
            <a:endParaRPr lang="en-US" sz="1400" b="1">
              <a:solidFill>
                <a:srgbClr val="00799E"/>
              </a:solidFill>
              <a:latin typeface="+mj-lt"/>
              <a:ea typeface="Roboto" pitchFamily="2" charset="0"/>
              <a:cs typeface="+mj-cs"/>
            </a:endParaRPr>
          </a:p>
          <a:p>
            <a:pPr marL="0" lvl="2" indent="0">
              <a:lnSpc>
                <a:spcPct val="100000"/>
              </a:lnSpc>
              <a:spcBef>
                <a:spcPts val="0"/>
              </a:spcBef>
              <a:buClr>
                <a:srgbClr val="00799E"/>
              </a:buClr>
              <a:buNone/>
            </a:pPr>
            <a:endParaRPr lang="en-US" sz="1400" b="1">
              <a:solidFill>
                <a:srgbClr val="00799E"/>
              </a:solidFill>
              <a:latin typeface="+mj-lt"/>
              <a:ea typeface="Roboto" pitchFamily="2" charset="0"/>
              <a:cs typeface="+mj-cs"/>
            </a:endParaRPr>
          </a:p>
        </p:txBody>
      </p:sp>
      <p:sp>
        <p:nvSpPr>
          <p:cNvPr id="9" name="Slide Number Placeholder 5">
            <a:extLst>
              <a:ext uri="{FF2B5EF4-FFF2-40B4-BE49-F238E27FC236}">
                <a16:creationId xmlns:a16="http://schemas.microsoft.com/office/drawing/2014/main" id="{E681DE4A-070B-D960-7DD3-C06BF6C2F67F}"/>
              </a:ext>
            </a:extLst>
          </p:cNvPr>
          <p:cNvSpPr txBox="1">
            <a:spLocks/>
          </p:cNvSpPr>
          <p:nvPr/>
        </p:nvSpPr>
        <p:spPr>
          <a:xfrm>
            <a:off x="9349506" y="6439476"/>
            <a:ext cx="2743200" cy="365125"/>
          </a:xfrm>
          <a:prstGeom prst="rect">
            <a:avLst/>
          </a:prstGeom>
        </p:spPr>
        <p:txBody>
          <a:bodyPr vert="horz" lIns="91440" tIns="45720" rIns="91440" bIns="45720" rtlCol="0" anchor="ctr"/>
          <a:lstStyle>
            <a:defPPr>
              <a:defRPr lang="en-US"/>
            </a:defPPr>
            <a:lvl1pPr marL="0" algn="r" defTabSz="914400" rtl="0" eaLnBrk="1" latinLnBrk="0" hangingPunct="1">
              <a:defRPr sz="1200" kern="1200">
                <a:solidFill>
                  <a:schemeClr val="tx1">
                    <a:tint val="75000"/>
                  </a:schemeClr>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77068464-4C8E-431E-87E4-567733A7CD2F}" type="slidenum">
              <a:rPr lang="en-IN" sz="1000" smtClean="0">
                <a:solidFill>
                  <a:schemeClr val="bg1"/>
                </a:solidFill>
              </a:rPr>
              <a:pPr/>
              <a:t>20</a:t>
            </a:fld>
            <a:endParaRPr lang="en-IN" sz="1000">
              <a:solidFill>
                <a:schemeClr val="bg1"/>
              </a:solidFill>
            </a:endParaRPr>
          </a:p>
        </p:txBody>
      </p:sp>
      <p:sp>
        <p:nvSpPr>
          <p:cNvPr id="16" name="TextBox 15">
            <a:extLst>
              <a:ext uri="{FF2B5EF4-FFF2-40B4-BE49-F238E27FC236}">
                <a16:creationId xmlns:a16="http://schemas.microsoft.com/office/drawing/2014/main" id="{910D5A34-7ABF-82CF-F0FA-2B5E5B3D4D0E}"/>
              </a:ext>
            </a:extLst>
          </p:cNvPr>
          <p:cNvSpPr txBox="1"/>
          <p:nvPr/>
        </p:nvSpPr>
        <p:spPr>
          <a:xfrm>
            <a:off x="704271" y="5520928"/>
            <a:ext cx="1220745" cy="276999"/>
          </a:xfrm>
          <a:prstGeom prst="rect">
            <a:avLst/>
          </a:prstGeom>
          <a:noFill/>
        </p:spPr>
        <p:txBody>
          <a:bodyPr wrap="square">
            <a:spAutoFit/>
          </a:bodyPr>
          <a:lstStyle/>
          <a:p>
            <a:pPr marL="0" lvl="2" indent="0" algn="ctr">
              <a:lnSpc>
                <a:spcPct val="100000"/>
              </a:lnSpc>
              <a:spcBef>
                <a:spcPts val="1800"/>
              </a:spcBef>
              <a:buClr>
                <a:srgbClr val="00799E"/>
              </a:buClr>
              <a:buNone/>
            </a:pPr>
            <a:r>
              <a:rPr lang="en-US" sz="1200" b="1">
                <a:solidFill>
                  <a:srgbClr val="404040"/>
                </a:solidFill>
                <a:ea typeface="Roboto" pitchFamily="2" charset="0"/>
                <a:hlinkClick r:id="rId2"/>
              </a:rPr>
              <a:t>View Demo</a:t>
            </a:r>
            <a:endParaRPr lang="en-US" sz="1200" b="1">
              <a:solidFill>
                <a:srgbClr val="404040"/>
              </a:solidFill>
              <a:ea typeface="Roboto" pitchFamily="2" charset="0"/>
            </a:endParaRPr>
          </a:p>
        </p:txBody>
      </p:sp>
      <p:pic>
        <p:nvPicPr>
          <p:cNvPr id="19" name="Picture 18" descr="A black background with white lines&#10;&#10;Description automatically generated">
            <a:extLst>
              <a:ext uri="{FF2B5EF4-FFF2-40B4-BE49-F238E27FC236}">
                <a16:creationId xmlns:a16="http://schemas.microsoft.com/office/drawing/2014/main" id="{8E282A8C-FEA1-6E5C-7F97-67486D5B8709}"/>
              </a:ext>
            </a:extLst>
          </p:cNvPr>
          <p:cNvPicPr>
            <a:picLocks noChangeAspect="1"/>
          </p:cNvPicPr>
          <p:nvPr/>
        </p:nvPicPr>
        <p:blipFill>
          <a:blip r:embed="rId3">
            <a:extLst>
              <a:ext uri="{28A0092B-C50C-407E-A947-70E740481C1C}">
                <a14:useLocalDpi xmlns:a14="http://schemas.microsoft.com/office/drawing/2010/main"/>
              </a:ext>
            </a:extLst>
          </a:blip>
          <a:stretch>
            <a:fillRect/>
          </a:stretch>
        </p:blipFill>
        <p:spPr>
          <a:xfrm>
            <a:off x="6790571" y="0"/>
            <a:ext cx="5401429" cy="6811326"/>
          </a:xfrm>
          <a:prstGeom prst="rect">
            <a:avLst/>
          </a:prstGeom>
        </p:spPr>
      </p:pic>
      <p:pic>
        <p:nvPicPr>
          <p:cNvPr id="20" name="Picture 19" descr="A close-up of a computer&#10;&#10;Description automatically generated">
            <a:extLst>
              <a:ext uri="{FF2B5EF4-FFF2-40B4-BE49-F238E27FC236}">
                <a16:creationId xmlns:a16="http://schemas.microsoft.com/office/drawing/2014/main" id="{FDF9B7FC-70DA-927B-C741-D5CBAEE208A1}"/>
              </a:ext>
            </a:extLst>
          </p:cNvPr>
          <p:cNvPicPr>
            <a:picLocks noChangeAspect="1"/>
          </p:cNvPicPr>
          <p:nvPr/>
        </p:nvPicPr>
        <p:blipFill>
          <a:blip r:embed="rId4" cstate="screen">
            <a:extLst>
              <a:ext uri="{28A0092B-C50C-407E-A947-70E740481C1C}">
                <a14:useLocalDpi xmlns:a14="http://schemas.microsoft.com/office/drawing/2010/main"/>
              </a:ext>
            </a:extLst>
          </a:blip>
          <a:stretch>
            <a:fillRect/>
          </a:stretch>
        </p:blipFill>
        <p:spPr>
          <a:xfrm>
            <a:off x="6907257" y="1620909"/>
            <a:ext cx="5167796" cy="3197660"/>
          </a:xfrm>
          <a:prstGeom prst="rect">
            <a:avLst/>
          </a:prstGeom>
        </p:spPr>
      </p:pic>
      <p:sp>
        <p:nvSpPr>
          <p:cNvPr id="21" name="Rectangle 20">
            <a:extLst>
              <a:ext uri="{FF2B5EF4-FFF2-40B4-BE49-F238E27FC236}">
                <a16:creationId xmlns:a16="http://schemas.microsoft.com/office/drawing/2014/main" id="{C7CD70D2-8A8B-037C-89B8-54B44FD8CD42}"/>
              </a:ext>
            </a:extLst>
          </p:cNvPr>
          <p:cNvSpPr/>
          <p:nvPr/>
        </p:nvSpPr>
        <p:spPr>
          <a:xfrm>
            <a:off x="7518400" y="1988806"/>
            <a:ext cx="3952240" cy="2471434"/>
          </a:xfrm>
          <a:prstGeom prst="rect">
            <a:avLst/>
          </a:prstGeom>
          <a:solidFill>
            <a:schemeClr val="tx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pic>
        <p:nvPicPr>
          <p:cNvPr id="22" name="Picture 4" descr="D:\Projects\CTS\proposal\Milkgame\Grabs\07a_Retailer_order.png">
            <a:extLst>
              <a:ext uri="{FF2B5EF4-FFF2-40B4-BE49-F238E27FC236}">
                <a16:creationId xmlns:a16="http://schemas.microsoft.com/office/drawing/2014/main" id="{18D1FBCC-0615-56BD-D780-7A7CA321F7D4}"/>
              </a:ext>
            </a:extLst>
          </p:cNvPr>
          <p:cNvPicPr>
            <a:picLocks noChangeAspect="1" noChangeArrowheads="1"/>
          </p:cNvPicPr>
          <p:nvPr/>
        </p:nvPicPr>
        <p:blipFill>
          <a:blip r:embed="rId5" cstate="screen">
            <a:extLst>
              <a:ext uri="{28A0092B-C50C-407E-A947-70E740481C1C}">
                <a14:useLocalDpi xmlns:a14="http://schemas.microsoft.com/office/drawing/2010/main"/>
              </a:ext>
            </a:extLst>
          </a:blip>
          <a:stretch>
            <a:fillRect/>
          </a:stretch>
        </p:blipFill>
        <p:spPr bwMode="auto">
          <a:xfrm>
            <a:off x="7585914" y="1977231"/>
            <a:ext cx="3824414" cy="2508547"/>
          </a:xfrm>
          <a:prstGeom prst="roundRect">
            <a:avLst>
              <a:gd name="adj" fmla="val 1983"/>
            </a:avLst>
          </a:prstGeom>
        </p:spPr>
      </p:pic>
      <p:pic>
        <p:nvPicPr>
          <p:cNvPr id="4" name="Graphic 3">
            <a:extLst>
              <a:ext uri="{FF2B5EF4-FFF2-40B4-BE49-F238E27FC236}">
                <a16:creationId xmlns:a16="http://schemas.microsoft.com/office/drawing/2014/main" id="{652F0DBE-87DC-9536-5B37-8A5D8D47E092}"/>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10845602" y="294821"/>
            <a:ext cx="1070016" cy="199686"/>
          </a:xfrm>
          <a:prstGeom prst="rect">
            <a:avLst/>
          </a:prstGeom>
        </p:spPr>
      </p:pic>
      <p:grpSp>
        <p:nvGrpSpPr>
          <p:cNvPr id="7" name="Group 6">
            <a:extLst>
              <a:ext uri="{FF2B5EF4-FFF2-40B4-BE49-F238E27FC236}">
                <a16:creationId xmlns:a16="http://schemas.microsoft.com/office/drawing/2014/main" id="{C48DFA14-F585-E0E8-29A6-325A54A00E64}"/>
              </a:ext>
            </a:extLst>
          </p:cNvPr>
          <p:cNvGrpSpPr/>
          <p:nvPr/>
        </p:nvGrpSpPr>
        <p:grpSpPr>
          <a:xfrm>
            <a:off x="7351840" y="1793422"/>
            <a:ext cx="400635" cy="339691"/>
            <a:chOff x="3212093" y="2171995"/>
            <a:chExt cx="400635" cy="339691"/>
          </a:xfrm>
        </p:grpSpPr>
        <p:sp>
          <p:nvSpPr>
            <p:cNvPr id="8" name="Rectangle 7">
              <a:extLst>
                <a:ext uri="{FF2B5EF4-FFF2-40B4-BE49-F238E27FC236}">
                  <a16:creationId xmlns:a16="http://schemas.microsoft.com/office/drawing/2014/main" id="{234872AF-DF3D-8164-DEBC-D0E9A4D3B0C5}"/>
                </a:ext>
              </a:extLst>
            </p:cNvPr>
            <p:cNvSpPr/>
            <p:nvPr/>
          </p:nvSpPr>
          <p:spPr>
            <a:xfrm>
              <a:off x="3212093" y="2171995"/>
              <a:ext cx="400635" cy="339691"/>
            </a:xfrm>
            <a:prstGeom prst="rect">
              <a:avLst/>
            </a:prstGeom>
            <a:solidFill>
              <a:schemeClr val="bg1"/>
            </a:solidFill>
            <a:ln w="6350">
              <a:solidFill>
                <a:schemeClr val="tx1">
                  <a:lumMod val="50000"/>
                  <a:lumOff val="50000"/>
                </a:schemeClr>
              </a:solidFill>
            </a:ln>
            <a:effectLst>
              <a:outerShdw blurRad="50800" dist="38100" dir="5400000" algn="t"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lIns="91440" tIns="91440" rIns="91440" bIns="91440" rtlCol="0" anchor="ctr"/>
            <a:lstStyle/>
            <a:p>
              <a:pPr algn="ctr" fontAlgn="base">
                <a:spcBef>
                  <a:spcPct val="0"/>
                </a:spcBef>
                <a:spcAft>
                  <a:spcPts val="1200"/>
                </a:spcAft>
              </a:pPr>
              <a:endParaRPr lang="en-IN" sz="1200" b="1">
                <a:solidFill>
                  <a:schemeClr val="tx1">
                    <a:alpha val="70000"/>
                  </a:schemeClr>
                </a:solidFill>
                <a:latin typeface="Roboto "/>
                <a:ea typeface="Roboto Light" charset="0"/>
                <a:cs typeface="Roboto Light" charset="0"/>
              </a:endParaRPr>
            </a:p>
          </p:txBody>
        </p:sp>
        <p:pic>
          <p:nvPicPr>
            <p:cNvPr id="10" name="Picture 9">
              <a:extLst>
                <a:ext uri="{FF2B5EF4-FFF2-40B4-BE49-F238E27FC236}">
                  <a16:creationId xmlns:a16="http://schemas.microsoft.com/office/drawing/2014/main" id="{6F5BD1D1-D529-85BB-D955-24E2DC05ADAD}"/>
                </a:ext>
              </a:extLst>
            </p:cNvPr>
            <p:cNvPicPr>
              <a:picLocks noChangeAspect="1"/>
            </p:cNvPicPr>
            <p:nvPr/>
          </p:nvPicPr>
          <p:blipFill>
            <a:blip r:embed="rId8">
              <a:extLst>
                <a:ext uri="{28A0092B-C50C-407E-A947-70E740481C1C}">
                  <a14:useLocalDpi xmlns:a14="http://schemas.microsoft.com/office/drawing/2010/main" val="0"/>
                </a:ext>
              </a:extLst>
            </a:blip>
            <a:srcRect/>
            <a:stretch/>
          </p:blipFill>
          <p:spPr>
            <a:xfrm>
              <a:off x="3269832" y="2199262"/>
              <a:ext cx="285156" cy="285156"/>
            </a:xfrm>
            <a:prstGeom prst="rect">
              <a:avLst/>
            </a:prstGeom>
          </p:spPr>
        </p:pic>
      </p:grpSp>
    </p:spTree>
    <p:extLst>
      <p:ext uri="{BB962C8B-B14F-4D97-AF65-F5344CB8AC3E}">
        <p14:creationId xmlns:p14="http://schemas.microsoft.com/office/powerpoint/2010/main" val="2075140510"/>
      </p:ext>
    </p:extLst>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8" name="Title 1">
            <a:extLst>
              <a:ext uri="{FF2B5EF4-FFF2-40B4-BE49-F238E27FC236}">
                <a16:creationId xmlns:a16="http://schemas.microsoft.com/office/drawing/2014/main" id="{EF62E507-7BFA-F1A0-A235-E80AC4BA2A49}"/>
              </a:ext>
            </a:extLst>
          </p:cNvPr>
          <p:cNvSpPr txBox="1">
            <a:spLocks/>
          </p:cNvSpPr>
          <p:nvPr/>
        </p:nvSpPr>
        <p:spPr>
          <a:xfrm>
            <a:off x="533401" y="157024"/>
            <a:ext cx="10515600" cy="686003"/>
          </a:xfrm>
          <a:prstGeom prst="rect">
            <a:avLst/>
          </a:prstGeom>
        </p:spPr>
        <p:txBody>
          <a:bodyPr anchor="b"/>
          <a:lstStyle>
            <a:lvl1pPr algn="l" defTabSz="914400" rtl="0" eaLnBrk="1" latinLnBrk="0" hangingPunct="1">
              <a:lnSpc>
                <a:spcPct val="90000"/>
              </a:lnSpc>
              <a:spcBef>
                <a:spcPct val="0"/>
              </a:spcBef>
              <a:buNone/>
              <a:defRPr sz="2200" b="1" kern="1200">
                <a:solidFill>
                  <a:schemeClr val="tx1"/>
                </a:solidFill>
                <a:latin typeface="+mn-lt"/>
                <a:ea typeface="+mj-ea"/>
                <a:cs typeface="+mj-cs"/>
              </a:defRPr>
            </a:lvl1pPr>
          </a:lstStyle>
          <a:p>
            <a:r>
              <a:rPr lang="en-US"/>
              <a:t>MILK GAME</a:t>
            </a:r>
            <a:endParaRPr lang="en-IN"/>
          </a:p>
        </p:txBody>
      </p:sp>
      <p:sp>
        <p:nvSpPr>
          <p:cNvPr id="41" name="Rectangle 40">
            <a:extLst>
              <a:ext uri="{FF2B5EF4-FFF2-40B4-BE49-F238E27FC236}">
                <a16:creationId xmlns:a16="http://schemas.microsoft.com/office/drawing/2014/main" id="{3B557CB6-F09A-CCB8-E6D3-0D0D4BCCBC74}"/>
              </a:ext>
            </a:extLst>
          </p:cNvPr>
          <p:cNvSpPr/>
          <p:nvPr/>
        </p:nvSpPr>
        <p:spPr>
          <a:xfrm>
            <a:off x="0" y="5555848"/>
            <a:ext cx="12192000" cy="1302151"/>
          </a:xfrm>
          <a:prstGeom prst="rect">
            <a:avLst/>
          </a:prstGeom>
          <a:solidFill>
            <a:srgbClr val="0085BE"/>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cxnSp>
        <p:nvCxnSpPr>
          <p:cNvPr id="2" name="Straight Connector 1">
            <a:extLst>
              <a:ext uri="{FF2B5EF4-FFF2-40B4-BE49-F238E27FC236}">
                <a16:creationId xmlns:a16="http://schemas.microsoft.com/office/drawing/2014/main" id="{C6B54651-D315-75D7-F118-4699B431683F}"/>
              </a:ext>
            </a:extLst>
          </p:cNvPr>
          <p:cNvCxnSpPr/>
          <p:nvPr/>
        </p:nvCxnSpPr>
        <p:spPr>
          <a:xfrm>
            <a:off x="625303" y="882907"/>
            <a:ext cx="640080" cy="0"/>
          </a:xfrm>
          <a:prstGeom prst="line">
            <a:avLst/>
          </a:prstGeom>
          <a:ln w="28575">
            <a:solidFill>
              <a:srgbClr val="0574B0"/>
            </a:solidFill>
          </a:ln>
        </p:spPr>
        <p:style>
          <a:lnRef idx="1">
            <a:schemeClr val="accent1"/>
          </a:lnRef>
          <a:fillRef idx="0">
            <a:schemeClr val="accent1"/>
          </a:fillRef>
          <a:effectRef idx="0">
            <a:schemeClr val="accent1"/>
          </a:effectRef>
          <a:fontRef idx="minor">
            <a:schemeClr val="tx1"/>
          </a:fontRef>
        </p:style>
      </p:cxnSp>
      <p:pic>
        <p:nvPicPr>
          <p:cNvPr id="3" name="Picture 2">
            <a:extLst>
              <a:ext uri="{FF2B5EF4-FFF2-40B4-BE49-F238E27FC236}">
                <a16:creationId xmlns:a16="http://schemas.microsoft.com/office/drawing/2014/main" id="{34C27D4E-599F-FDDE-99C6-3055D6815901}"/>
              </a:ext>
            </a:extLst>
          </p:cNvPr>
          <p:cNvPicPr/>
          <p:nvPr/>
        </p:nvPicPr>
        <p:blipFill>
          <a:blip r:embed="rId2">
            <a:extLst>
              <a:ext uri="{28A0092B-C50C-407E-A947-70E740481C1C}">
                <a14:useLocalDpi xmlns:a14="http://schemas.microsoft.com/office/drawing/2010/main" val="0"/>
              </a:ext>
            </a:extLst>
          </a:blip>
          <a:srcRect l="1676" r="1676"/>
          <a:stretch/>
        </p:blipFill>
        <p:spPr bwMode="auto">
          <a:xfrm>
            <a:off x="2204476" y="1081783"/>
            <a:ext cx="7691658" cy="5183509"/>
          </a:xfrm>
          <a:prstGeom prst="roundRect">
            <a:avLst>
              <a:gd name="adj" fmla="val 2930"/>
            </a:avLst>
          </a:prstGeom>
          <a:effectLst>
            <a:outerShdw blurRad="50800" dist="38100" dir="2700000" algn="tl" rotWithShape="0">
              <a:prstClr val="black">
                <a:alpha val="20000"/>
              </a:prstClr>
            </a:outerShdw>
          </a:effectLst>
        </p:spPr>
      </p:pic>
      <p:sp>
        <p:nvSpPr>
          <p:cNvPr id="7" name="Slide Number Placeholder 5">
            <a:extLst>
              <a:ext uri="{FF2B5EF4-FFF2-40B4-BE49-F238E27FC236}">
                <a16:creationId xmlns:a16="http://schemas.microsoft.com/office/drawing/2014/main" id="{919BF5BA-5284-0233-FE89-61F115CEA8AB}"/>
              </a:ext>
            </a:extLst>
          </p:cNvPr>
          <p:cNvSpPr txBox="1">
            <a:spLocks/>
          </p:cNvSpPr>
          <p:nvPr/>
        </p:nvSpPr>
        <p:spPr>
          <a:xfrm>
            <a:off x="9349506" y="6439476"/>
            <a:ext cx="2743200" cy="365125"/>
          </a:xfrm>
          <a:prstGeom prst="rect">
            <a:avLst/>
          </a:prstGeom>
        </p:spPr>
        <p:txBody>
          <a:bodyPr vert="horz" lIns="91440" tIns="45720" rIns="91440" bIns="45720" rtlCol="0" anchor="ctr"/>
          <a:lstStyle>
            <a:defPPr>
              <a:defRPr lang="en-US"/>
            </a:defPPr>
            <a:lvl1pPr marL="0" algn="r" defTabSz="914400" rtl="0" eaLnBrk="1" latinLnBrk="0" hangingPunct="1">
              <a:defRPr sz="1200" kern="1200">
                <a:solidFill>
                  <a:schemeClr val="tx1">
                    <a:tint val="75000"/>
                  </a:schemeClr>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77068464-4C8E-431E-87E4-567733A7CD2F}" type="slidenum">
              <a:rPr lang="en-IN" sz="1000" smtClean="0">
                <a:solidFill>
                  <a:schemeClr val="bg1"/>
                </a:solidFill>
              </a:rPr>
              <a:pPr/>
              <a:t>21</a:t>
            </a:fld>
            <a:endParaRPr lang="en-IN" sz="1000">
              <a:solidFill>
                <a:schemeClr val="bg1"/>
              </a:solidFill>
            </a:endParaRPr>
          </a:p>
        </p:txBody>
      </p:sp>
    </p:spTree>
    <p:extLst>
      <p:ext uri="{BB962C8B-B14F-4D97-AF65-F5344CB8AC3E}">
        <p14:creationId xmlns:p14="http://schemas.microsoft.com/office/powerpoint/2010/main" val="513640868"/>
      </p:ext>
    </p:extLst>
  </p:cSld>
  <p:clrMapOvr>
    <a:masterClrMapping/>
  </p:clrMapOvr>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8" name="Title 1">
            <a:extLst>
              <a:ext uri="{FF2B5EF4-FFF2-40B4-BE49-F238E27FC236}">
                <a16:creationId xmlns:a16="http://schemas.microsoft.com/office/drawing/2014/main" id="{EF62E507-7BFA-F1A0-A235-E80AC4BA2A49}"/>
              </a:ext>
            </a:extLst>
          </p:cNvPr>
          <p:cNvSpPr txBox="1">
            <a:spLocks/>
          </p:cNvSpPr>
          <p:nvPr/>
        </p:nvSpPr>
        <p:spPr>
          <a:xfrm>
            <a:off x="533401" y="157024"/>
            <a:ext cx="10515600" cy="686003"/>
          </a:xfrm>
          <a:prstGeom prst="rect">
            <a:avLst/>
          </a:prstGeom>
        </p:spPr>
        <p:txBody>
          <a:bodyPr anchor="b"/>
          <a:lstStyle>
            <a:lvl1pPr algn="l" defTabSz="914400" rtl="0" eaLnBrk="1" latinLnBrk="0" hangingPunct="1">
              <a:lnSpc>
                <a:spcPct val="90000"/>
              </a:lnSpc>
              <a:spcBef>
                <a:spcPct val="0"/>
              </a:spcBef>
              <a:buNone/>
              <a:defRPr sz="2200" b="1" kern="1200">
                <a:solidFill>
                  <a:schemeClr val="tx1"/>
                </a:solidFill>
                <a:latin typeface="+mn-lt"/>
                <a:ea typeface="+mj-ea"/>
                <a:cs typeface="+mj-cs"/>
              </a:defRPr>
            </a:lvl1pPr>
          </a:lstStyle>
          <a:p>
            <a:r>
              <a:rPr lang="en-US"/>
              <a:t>MILK GAME</a:t>
            </a:r>
            <a:endParaRPr lang="en-IN"/>
          </a:p>
        </p:txBody>
      </p:sp>
      <p:sp>
        <p:nvSpPr>
          <p:cNvPr id="41" name="Rectangle 40">
            <a:extLst>
              <a:ext uri="{FF2B5EF4-FFF2-40B4-BE49-F238E27FC236}">
                <a16:creationId xmlns:a16="http://schemas.microsoft.com/office/drawing/2014/main" id="{3B557CB6-F09A-CCB8-E6D3-0D0D4BCCBC74}"/>
              </a:ext>
            </a:extLst>
          </p:cNvPr>
          <p:cNvSpPr/>
          <p:nvPr/>
        </p:nvSpPr>
        <p:spPr>
          <a:xfrm>
            <a:off x="0" y="5555848"/>
            <a:ext cx="12192000" cy="1302151"/>
          </a:xfrm>
          <a:prstGeom prst="rect">
            <a:avLst/>
          </a:prstGeom>
          <a:solidFill>
            <a:srgbClr val="0085BE"/>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cxnSp>
        <p:nvCxnSpPr>
          <p:cNvPr id="2" name="Straight Connector 1">
            <a:extLst>
              <a:ext uri="{FF2B5EF4-FFF2-40B4-BE49-F238E27FC236}">
                <a16:creationId xmlns:a16="http://schemas.microsoft.com/office/drawing/2014/main" id="{C6B54651-D315-75D7-F118-4699B431683F}"/>
              </a:ext>
            </a:extLst>
          </p:cNvPr>
          <p:cNvCxnSpPr/>
          <p:nvPr/>
        </p:nvCxnSpPr>
        <p:spPr>
          <a:xfrm>
            <a:off x="625303" y="882907"/>
            <a:ext cx="640080" cy="0"/>
          </a:xfrm>
          <a:prstGeom prst="line">
            <a:avLst/>
          </a:prstGeom>
          <a:ln w="28575">
            <a:solidFill>
              <a:srgbClr val="0574B0"/>
            </a:solidFill>
          </a:ln>
        </p:spPr>
        <p:style>
          <a:lnRef idx="1">
            <a:schemeClr val="accent1"/>
          </a:lnRef>
          <a:fillRef idx="0">
            <a:schemeClr val="accent1"/>
          </a:fillRef>
          <a:effectRef idx="0">
            <a:schemeClr val="accent1"/>
          </a:effectRef>
          <a:fontRef idx="minor">
            <a:schemeClr val="tx1"/>
          </a:fontRef>
        </p:style>
      </p:cxnSp>
      <p:sp>
        <p:nvSpPr>
          <p:cNvPr id="7" name="Slide Number Placeholder 5">
            <a:extLst>
              <a:ext uri="{FF2B5EF4-FFF2-40B4-BE49-F238E27FC236}">
                <a16:creationId xmlns:a16="http://schemas.microsoft.com/office/drawing/2014/main" id="{919BF5BA-5284-0233-FE89-61F115CEA8AB}"/>
              </a:ext>
            </a:extLst>
          </p:cNvPr>
          <p:cNvSpPr txBox="1">
            <a:spLocks/>
          </p:cNvSpPr>
          <p:nvPr/>
        </p:nvSpPr>
        <p:spPr>
          <a:xfrm>
            <a:off x="9349506" y="6439476"/>
            <a:ext cx="2743200" cy="365125"/>
          </a:xfrm>
          <a:prstGeom prst="rect">
            <a:avLst/>
          </a:prstGeom>
        </p:spPr>
        <p:txBody>
          <a:bodyPr vert="horz" lIns="91440" tIns="45720" rIns="91440" bIns="45720" rtlCol="0" anchor="ctr"/>
          <a:lstStyle>
            <a:defPPr>
              <a:defRPr lang="en-US"/>
            </a:defPPr>
            <a:lvl1pPr marL="0" algn="r" defTabSz="914400" rtl="0" eaLnBrk="1" latinLnBrk="0" hangingPunct="1">
              <a:defRPr sz="1200" kern="1200">
                <a:solidFill>
                  <a:schemeClr val="tx1">
                    <a:tint val="75000"/>
                  </a:schemeClr>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77068464-4C8E-431E-87E4-567733A7CD2F}" type="slidenum">
              <a:rPr lang="en-IN" sz="1000" smtClean="0">
                <a:solidFill>
                  <a:schemeClr val="bg1"/>
                </a:solidFill>
              </a:rPr>
              <a:pPr/>
              <a:t>22</a:t>
            </a:fld>
            <a:endParaRPr lang="en-IN" sz="1000">
              <a:solidFill>
                <a:schemeClr val="bg1"/>
              </a:solidFill>
            </a:endParaRPr>
          </a:p>
        </p:txBody>
      </p:sp>
      <p:pic>
        <p:nvPicPr>
          <p:cNvPr id="8" name="Picture 7">
            <a:extLst>
              <a:ext uri="{FF2B5EF4-FFF2-40B4-BE49-F238E27FC236}">
                <a16:creationId xmlns:a16="http://schemas.microsoft.com/office/drawing/2014/main" id="{69CD2037-5DAA-8135-F493-3FBD6230DB5F}"/>
              </a:ext>
            </a:extLst>
          </p:cNvPr>
          <p:cNvPicPr/>
          <p:nvPr/>
        </p:nvPicPr>
        <p:blipFill>
          <a:blip r:embed="rId2">
            <a:extLst>
              <a:ext uri="{28A0092B-C50C-407E-A947-70E740481C1C}">
                <a14:useLocalDpi xmlns:a14="http://schemas.microsoft.com/office/drawing/2010/main" val="0"/>
              </a:ext>
            </a:extLst>
          </a:blip>
          <a:srcRect l="1676" r="1676"/>
          <a:stretch/>
        </p:blipFill>
        <p:spPr bwMode="auto">
          <a:xfrm>
            <a:off x="2204476" y="1081783"/>
            <a:ext cx="7691658" cy="5183509"/>
          </a:xfrm>
          <a:prstGeom prst="roundRect">
            <a:avLst>
              <a:gd name="adj" fmla="val 2930"/>
            </a:avLst>
          </a:prstGeom>
          <a:effectLst>
            <a:outerShdw blurRad="50800" dist="38100" dir="2700000" algn="tl" rotWithShape="0">
              <a:prstClr val="black">
                <a:alpha val="20000"/>
              </a:prstClr>
            </a:outerShdw>
          </a:effectLst>
        </p:spPr>
      </p:pic>
    </p:spTree>
    <p:extLst>
      <p:ext uri="{BB962C8B-B14F-4D97-AF65-F5344CB8AC3E}">
        <p14:creationId xmlns:p14="http://schemas.microsoft.com/office/powerpoint/2010/main" val="3432040771"/>
      </p:ext>
    </p:extLst>
  </p:cSld>
  <p:clrMapOvr>
    <a:masterClrMapping/>
  </p:clrMapOvr>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8" name="Title 1">
            <a:extLst>
              <a:ext uri="{FF2B5EF4-FFF2-40B4-BE49-F238E27FC236}">
                <a16:creationId xmlns:a16="http://schemas.microsoft.com/office/drawing/2014/main" id="{EF62E507-7BFA-F1A0-A235-E80AC4BA2A49}"/>
              </a:ext>
            </a:extLst>
          </p:cNvPr>
          <p:cNvSpPr txBox="1">
            <a:spLocks/>
          </p:cNvSpPr>
          <p:nvPr/>
        </p:nvSpPr>
        <p:spPr>
          <a:xfrm>
            <a:off x="533401" y="157024"/>
            <a:ext cx="10515600" cy="686003"/>
          </a:xfrm>
          <a:prstGeom prst="rect">
            <a:avLst/>
          </a:prstGeom>
        </p:spPr>
        <p:txBody>
          <a:bodyPr anchor="b"/>
          <a:lstStyle>
            <a:lvl1pPr algn="l" defTabSz="914400" rtl="0" eaLnBrk="1" latinLnBrk="0" hangingPunct="1">
              <a:lnSpc>
                <a:spcPct val="90000"/>
              </a:lnSpc>
              <a:spcBef>
                <a:spcPct val="0"/>
              </a:spcBef>
              <a:buNone/>
              <a:defRPr sz="2200" b="1" kern="1200">
                <a:solidFill>
                  <a:schemeClr val="tx1"/>
                </a:solidFill>
                <a:latin typeface="+mn-lt"/>
                <a:ea typeface="+mj-ea"/>
                <a:cs typeface="+mj-cs"/>
              </a:defRPr>
            </a:lvl1pPr>
          </a:lstStyle>
          <a:p>
            <a:r>
              <a:rPr lang="en-US"/>
              <a:t>MILK GAME</a:t>
            </a:r>
            <a:endParaRPr lang="en-IN"/>
          </a:p>
        </p:txBody>
      </p:sp>
      <p:sp>
        <p:nvSpPr>
          <p:cNvPr id="41" name="Rectangle 40">
            <a:extLst>
              <a:ext uri="{FF2B5EF4-FFF2-40B4-BE49-F238E27FC236}">
                <a16:creationId xmlns:a16="http://schemas.microsoft.com/office/drawing/2014/main" id="{3B557CB6-F09A-CCB8-E6D3-0D0D4BCCBC74}"/>
              </a:ext>
            </a:extLst>
          </p:cNvPr>
          <p:cNvSpPr/>
          <p:nvPr/>
        </p:nvSpPr>
        <p:spPr>
          <a:xfrm>
            <a:off x="0" y="5555848"/>
            <a:ext cx="12192000" cy="1302151"/>
          </a:xfrm>
          <a:prstGeom prst="rect">
            <a:avLst/>
          </a:prstGeom>
          <a:solidFill>
            <a:srgbClr val="0085BE"/>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cxnSp>
        <p:nvCxnSpPr>
          <p:cNvPr id="2" name="Straight Connector 1">
            <a:extLst>
              <a:ext uri="{FF2B5EF4-FFF2-40B4-BE49-F238E27FC236}">
                <a16:creationId xmlns:a16="http://schemas.microsoft.com/office/drawing/2014/main" id="{C6B54651-D315-75D7-F118-4699B431683F}"/>
              </a:ext>
            </a:extLst>
          </p:cNvPr>
          <p:cNvCxnSpPr/>
          <p:nvPr/>
        </p:nvCxnSpPr>
        <p:spPr>
          <a:xfrm>
            <a:off x="625303" y="882907"/>
            <a:ext cx="640080" cy="0"/>
          </a:xfrm>
          <a:prstGeom prst="line">
            <a:avLst/>
          </a:prstGeom>
          <a:ln w="28575">
            <a:solidFill>
              <a:srgbClr val="0574B0"/>
            </a:solidFill>
          </a:ln>
        </p:spPr>
        <p:style>
          <a:lnRef idx="1">
            <a:schemeClr val="accent1"/>
          </a:lnRef>
          <a:fillRef idx="0">
            <a:schemeClr val="accent1"/>
          </a:fillRef>
          <a:effectRef idx="0">
            <a:schemeClr val="accent1"/>
          </a:effectRef>
          <a:fontRef idx="minor">
            <a:schemeClr val="tx1"/>
          </a:fontRef>
        </p:style>
      </p:cxnSp>
      <p:sp>
        <p:nvSpPr>
          <p:cNvPr id="7" name="Slide Number Placeholder 5">
            <a:extLst>
              <a:ext uri="{FF2B5EF4-FFF2-40B4-BE49-F238E27FC236}">
                <a16:creationId xmlns:a16="http://schemas.microsoft.com/office/drawing/2014/main" id="{919BF5BA-5284-0233-FE89-61F115CEA8AB}"/>
              </a:ext>
            </a:extLst>
          </p:cNvPr>
          <p:cNvSpPr txBox="1">
            <a:spLocks/>
          </p:cNvSpPr>
          <p:nvPr/>
        </p:nvSpPr>
        <p:spPr>
          <a:xfrm>
            <a:off x="9349506" y="6439476"/>
            <a:ext cx="2743200" cy="365125"/>
          </a:xfrm>
          <a:prstGeom prst="rect">
            <a:avLst/>
          </a:prstGeom>
        </p:spPr>
        <p:txBody>
          <a:bodyPr vert="horz" lIns="91440" tIns="45720" rIns="91440" bIns="45720" rtlCol="0" anchor="ctr"/>
          <a:lstStyle>
            <a:defPPr>
              <a:defRPr lang="en-US"/>
            </a:defPPr>
            <a:lvl1pPr marL="0" algn="r" defTabSz="914400" rtl="0" eaLnBrk="1" latinLnBrk="0" hangingPunct="1">
              <a:defRPr sz="1200" kern="1200">
                <a:solidFill>
                  <a:schemeClr val="tx1">
                    <a:tint val="75000"/>
                  </a:schemeClr>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77068464-4C8E-431E-87E4-567733A7CD2F}" type="slidenum">
              <a:rPr lang="en-IN" sz="1000" smtClean="0">
                <a:solidFill>
                  <a:schemeClr val="bg1"/>
                </a:solidFill>
              </a:rPr>
              <a:pPr/>
              <a:t>23</a:t>
            </a:fld>
            <a:endParaRPr lang="en-IN" sz="1000">
              <a:solidFill>
                <a:schemeClr val="bg1"/>
              </a:solidFill>
            </a:endParaRPr>
          </a:p>
        </p:txBody>
      </p:sp>
      <p:pic>
        <p:nvPicPr>
          <p:cNvPr id="8" name="Picture 7">
            <a:extLst>
              <a:ext uri="{FF2B5EF4-FFF2-40B4-BE49-F238E27FC236}">
                <a16:creationId xmlns:a16="http://schemas.microsoft.com/office/drawing/2014/main" id="{5030C1C0-4810-B799-E30C-419C5182B319}"/>
              </a:ext>
            </a:extLst>
          </p:cNvPr>
          <p:cNvPicPr/>
          <p:nvPr/>
        </p:nvPicPr>
        <p:blipFill>
          <a:blip r:embed="rId2">
            <a:extLst>
              <a:ext uri="{28A0092B-C50C-407E-A947-70E740481C1C}">
                <a14:useLocalDpi xmlns:a14="http://schemas.microsoft.com/office/drawing/2010/main" val="0"/>
              </a:ext>
            </a:extLst>
          </a:blip>
          <a:srcRect l="1676" r="1676"/>
          <a:stretch/>
        </p:blipFill>
        <p:spPr bwMode="auto">
          <a:xfrm>
            <a:off x="2204476" y="1081783"/>
            <a:ext cx="7691658" cy="5183509"/>
          </a:xfrm>
          <a:prstGeom prst="roundRect">
            <a:avLst>
              <a:gd name="adj" fmla="val 2930"/>
            </a:avLst>
          </a:prstGeom>
          <a:effectLst>
            <a:outerShdw blurRad="50800" dist="38100" dir="2700000" algn="tl" rotWithShape="0">
              <a:prstClr val="black">
                <a:alpha val="20000"/>
              </a:prstClr>
            </a:outerShdw>
          </a:effectLst>
        </p:spPr>
      </p:pic>
    </p:spTree>
    <p:extLst>
      <p:ext uri="{BB962C8B-B14F-4D97-AF65-F5344CB8AC3E}">
        <p14:creationId xmlns:p14="http://schemas.microsoft.com/office/powerpoint/2010/main" val="2620575662"/>
      </p:ext>
    </p:extLst>
  </p:cSld>
  <p:clrMapOvr>
    <a:masterClrMapping/>
  </p:clrMapOvr>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8" name="Title 1">
            <a:extLst>
              <a:ext uri="{FF2B5EF4-FFF2-40B4-BE49-F238E27FC236}">
                <a16:creationId xmlns:a16="http://schemas.microsoft.com/office/drawing/2014/main" id="{EF62E507-7BFA-F1A0-A235-E80AC4BA2A49}"/>
              </a:ext>
            </a:extLst>
          </p:cNvPr>
          <p:cNvSpPr txBox="1">
            <a:spLocks/>
          </p:cNvSpPr>
          <p:nvPr/>
        </p:nvSpPr>
        <p:spPr>
          <a:xfrm>
            <a:off x="533401" y="157024"/>
            <a:ext cx="10515600" cy="686003"/>
          </a:xfrm>
          <a:prstGeom prst="rect">
            <a:avLst/>
          </a:prstGeom>
        </p:spPr>
        <p:txBody>
          <a:bodyPr anchor="b"/>
          <a:lstStyle>
            <a:lvl1pPr algn="l" defTabSz="914400" rtl="0" eaLnBrk="1" latinLnBrk="0" hangingPunct="1">
              <a:lnSpc>
                <a:spcPct val="90000"/>
              </a:lnSpc>
              <a:spcBef>
                <a:spcPct val="0"/>
              </a:spcBef>
              <a:buNone/>
              <a:defRPr sz="2200" b="1" kern="1200">
                <a:solidFill>
                  <a:schemeClr val="tx1"/>
                </a:solidFill>
                <a:latin typeface="+mn-lt"/>
                <a:ea typeface="+mj-ea"/>
                <a:cs typeface="+mj-cs"/>
              </a:defRPr>
            </a:lvl1pPr>
          </a:lstStyle>
          <a:p>
            <a:r>
              <a:rPr lang="en-US"/>
              <a:t>MILK GAME</a:t>
            </a:r>
            <a:endParaRPr lang="en-IN"/>
          </a:p>
        </p:txBody>
      </p:sp>
      <p:sp>
        <p:nvSpPr>
          <p:cNvPr id="41" name="Rectangle 40">
            <a:extLst>
              <a:ext uri="{FF2B5EF4-FFF2-40B4-BE49-F238E27FC236}">
                <a16:creationId xmlns:a16="http://schemas.microsoft.com/office/drawing/2014/main" id="{3B557CB6-F09A-CCB8-E6D3-0D0D4BCCBC74}"/>
              </a:ext>
            </a:extLst>
          </p:cNvPr>
          <p:cNvSpPr/>
          <p:nvPr/>
        </p:nvSpPr>
        <p:spPr>
          <a:xfrm>
            <a:off x="0" y="5555848"/>
            <a:ext cx="12192000" cy="1302151"/>
          </a:xfrm>
          <a:prstGeom prst="rect">
            <a:avLst/>
          </a:prstGeom>
          <a:solidFill>
            <a:srgbClr val="0085BE"/>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cxnSp>
        <p:nvCxnSpPr>
          <p:cNvPr id="2" name="Straight Connector 1">
            <a:extLst>
              <a:ext uri="{FF2B5EF4-FFF2-40B4-BE49-F238E27FC236}">
                <a16:creationId xmlns:a16="http://schemas.microsoft.com/office/drawing/2014/main" id="{C6B54651-D315-75D7-F118-4699B431683F}"/>
              </a:ext>
            </a:extLst>
          </p:cNvPr>
          <p:cNvCxnSpPr/>
          <p:nvPr/>
        </p:nvCxnSpPr>
        <p:spPr>
          <a:xfrm>
            <a:off x="625303" y="882907"/>
            <a:ext cx="640080" cy="0"/>
          </a:xfrm>
          <a:prstGeom prst="line">
            <a:avLst/>
          </a:prstGeom>
          <a:ln w="28575">
            <a:solidFill>
              <a:srgbClr val="0574B0"/>
            </a:solidFill>
          </a:ln>
        </p:spPr>
        <p:style>
          <a:lnRef idx="1">
            <a:schemeClr val="accent1"/>
          </a:lnRef>
          <a:fillRef idx="0">
            <a:schemeClr val="accent1"/>
          </a:fillRef>
          <a:effectRef idx="0">
            <a:schemeClr val="accent1"/>
          </a:effectRef>
          <a:fontRef idx="minor">
            <a:schemeClr val="tx1"/>
          </a:fontRef>
        </p:style>
      </p:cxnSp>
      <p:sp>
        <p:nvSpPr>
          <p:cNvPr id="7" name="Slide Number Placeholder 5">
            <a:extLst>
              <a:ext uri="{FF2B5EF4-FFF2-40B4-BE49-F238E27FC236}">
                <a16:creationId xmlns:a16="http://schemas.microsoft.com/office/drawing/2014/main" id="{919BF5BA-5284-0233-FE89-61F115CEA8AB}"/>
              </a:ext>
            </a:extLst>
          </p:cNvPr>
          <p:cNvSpPr txBox="1">
            <a:spLocks/>
          </p:cNvSpPr>
          <p:nvPr/>
        </p:nvSpPr>
        <p:spPr>
          <a:xfrm>
            <a:off x="9349506" y="6439476"/>
            <a:ext cx="2743200" cy="365125"/>
          </a:xfrm>
          <a:prstGeom prst="rect">
            <a:avLst/>
          </a:prstGeom>
        </p:spPr>
        <p:txBody>
          <a:bodyPr vert="horz" lIns="91440" tIns="45720" rIns="91440" bIns="45720" rtlCol="0" anchor="ctr"/>
          <a:lstStyle>
            <a:defPPr>
              <a:defRPr lang="en-US"/>
            </a:defPPr>
            <a:lvl1pPr marL="0" algn="r" defTabSz="914400" rtl="0" eaLnBrk="1" latinLnBrk="0" hangingPunct="1">
              <a:defRPr sz="1200" kern="1200">
                <a:solidFill>
                  <a:schemeClr val="tx1">
                    <a:tint val="75000"/>
                  </a:schemeClr>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77068464-4C8E-431E-87E4-567733A7CD2F}" type="slidenum">
              <a:rPr lang="en-IN" sz="1000" smtClean="0">
                <a:solidFill>
                  <a:schemeClr val="bg1"/>
                </a:solidFill>
              </a:rPr>
              <a:pPr/>
              <a:t>24</a:t>
            </a:fld>
            <a:endParaRPr lang="en-IN" sz="1000">
              <a:solidFill>
                <a:schemeClr val="bg1"/>
              </a:solidFill>
            </a:endParaRPr>
          </a:p>
        </p:txBody>
      </p:sp>
      <p:pic>
        <p:nvPicPr>
          <p:cNvPr id="8" name="Picture 7">
            <a:extLst>
              <a:ext uri="{FF2B5EF4-FFF2-40B4-BE49-F238E27FC236}">
                <a16:creationId xmlns:a16="http://schemas.microsoft.com/office/drawing/2014/main" id="{8B4532F5-41A6-7911-F533-7DA8865DFE41}"/>
              </a:ext>
            </a:extLst>
          </p:cNvPr>
          <p:cNvPicPr/>
          <p:nvPr/>
        </p:nvPicPr>
        <p:blipFill>
          <a:blip r:embed="rId2">
            <a:extLst>
              <a:ext uri="{28A0092B-C50C-407E-A947-70E740481C1C}">
                <a14:useLocalDpi xmlns:a14="http://schemas.microsoft.com/office/drawing/2010/main" val="0"/>
              </a:ext>
            </a:extLst>
          </a:blip>
          <a:srcRect l="1676" r="1676"/>
          <a:stretch/>
        </p:blipFill>
        <p:spPr bwMode="auto">
          <a:xfrm>
            <a:off x="2204476" y="1081783"/>
            <a:ext cx="7691658" cy="5183509"/>
          </a:xfrm>
          <a:prstGeom prst="roundRect">
            <a:avLst>
              <a:gd name="adj" fmla="val 2930"/>
            </a:avLst>
          </a:prstGeom>
          <a:effectLst>
            <a:outerShdw blurRad="50800" dist="38100" dir="2700000" algn="tl" rotWithShape="0">
              <a:prstClr val="black">
                <a:alpha val="20000"/>
              </a:prstClr>
            </a:outerShdw>
          </a:effectLst>
        </p:spPr>
      </p:pic>
    </p:spTree>
    <p:extLst>
      <p:ext uri="{BB962C8B-B14F-4D97-AF65-F5344CB8AC3E}">
        <p14:creationId xmlns:p14="http://schemas.microsoft.com/office/powerpoint/2010/main" val="4121809093"/>
      </p:ext>
    </p:extLst>
  </p:cSld>
  <p:clrMapOvr>
    <a:masterClrMapping/>
  </p:clrMapOvr>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 name="Rectangle 7">
            <a:extLst>
              <a:ext uri="{FF2B5EF4-FFF2-40B4-BE49-F238E27FC236}">
                <a16:creationId xmlns:a16="http://schemas.microsoft.com/office/drawing/2014/main" id="{EA796A05-834A-F15D-A856-FE27AD2C895C}"/>
              </a:ext>
            </a:extLst>
          </p:cNvPr>
          <p:cNvSpPr/>
          <p:nvPr/>
        </p:nvSpPr>
        <p:spPr>
          <a:xfrm>
            <a:off x="6790310" y="0"/>
            <a:ext cx="5401690" cy="6857999"/>
          </a:xfrm>
          <a:prstGeom prst="rect">
            <a:avLst/>
          </a:prstGeom>
          <a:solidFill>
            <a:srgbClr val="0085BE"/>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pic>
        <p:nvPicPr>
          <p:cNvPr id="21" name="Picture 20" descr="A black background with white lines&#10;&#10;Description automatically generated">
            <a:extLst>
              <a:ext uri="{FF2B5EF4-FFF2-40B4-BE49-F238E27FC236}">
                <a16:creationId xmlns:a16="http://schemas.microsoft.com/office/drawing/2014/main" id="{31788914-05C6-FE45-1856-1F3528D9A669}"/>
              </a:ext>
            </a:extLst>
          </p:cNvPr>
          <p:cNvPicPr>
            <a:picLocks noChangeAspect="1"/>
          </p:cNvPicPr>
          <p:nvPr/>
        </p:nvPicPr>
        <p:blipFill>
          <a:blip r:embed="rId2">
            <a:extLst>
              <a:ext uri="{28A0092B-C50C-407E-A947-70E740481C1C}">
                <a14:useLocalDpi xmlns:a14="http://schemas.microsoft.com/office/drawing/2010/main"/>
              </a:ext>
            </a:extLst>
          </a:blip>
          <a:stretch>
            <a:fillRect/>
          </a:stretch>
        </p:blipFill>
        <p:spPr>
          <a:xfrm>
            <a:off x="6790571" y="0"/>
            <a:ext cx="5401429" cy="6811326"/>
          </a:xfrm>
          <a:prstGeom prst="rect">
            <a:avLst/>
          </a:prstGeom>
        </p:spPr>
      </p:pic>
      <p:pic>
        <p:nvPicPr>
          <p:cNvPr id="14" name="Picture 13" descr="A close-up of a computer&#10;&#10;Description automatically generated">
            <a:extLst>
              <a:ext uri="{FF2B5EF4-FFF2-40B4-BE49-F238E27FC236}">
                <a16:creationId xmlns:a16="http://schemas.microsoft.com/office/drawing/2014/main" id="{EA05E020-5A94-84D1-75E6-A7DE503B4C9C}"/>
              </a:ext>
            </a:extLst>
          </p:cNvPr>
          <p:cNvPicPr>
            <a:picLocks noChangeAspect="1"/>
          </p:cNvPicPr>
          <p:nvPr/>
        </p:nvPicPr>
        <p:blipFill>
          <a:blip r:embed="rId3" cstate="screen">
            <a:extLst>
              <a:ext uri="{28A0092B-C50C-407E-A947-70E740481C1C}">
                <a14:useLocalDpi xmlns:a14="http://schemas.microsoft.com/office/drawing/2010/main"/>
              </a:ext>
            </a:extLst>
          </a:blip>
          <a:stretch>
            <a:fillRect/>
          </a:stretch>
        </p:blipFill>
        <p:spPr>
          <a:xfrm>
            <a:off x="6907257" y="1620909"/>
            <a:ext cx="5167796" cy="3197660"/>
          </a:xfrm>
          <a:prstGeom prst="rect">
            <a:avLst/>
          </a:prstGeom>
        </p:spPr>
      </p:pic>
      <p:sp>
        <p:nvSpPr>
          <p:cNvPr id="16" name="Rectangle 15">
            <a:extLst>
              <a:ext uri="{FF2B5EF4-FFF2-40B4-BE49-F238E27FC236}">
                <a16:creationId xmlns:a16="http://schemas.microsoft.com/office/drawing/2014/main" id="{5EE3C3F8-9DFF-5AFE-ECA1-8C1592641717}"/>
              </a:ext>
            </a:extLst>
          </p:cNvPr>
          <p:cNvSpPr/>
          <p:nvPr/>
        </p:nvSpPr>
        <p:spPr>
          <a:xfrm>
            <a:off x="7518400" y="1988806"/>
            <a:ext cx="3952240" cy="2471434"/>
          </a:xfrm>
          <a:prstGeom prst="rect">
            <a:avLst/>
          </a:prstGeom>
          <a:solidFill>
            <a:schemeClr val="tx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4" name="Rectangle: Top Corners Rounded 3">
            <a:extLst>
              <a:ext uri="{FF2B5EF4-FFF2-40B4-BE49-F238E27FC236}">
                <a16:creationId xmlns:a16="http://schemas.microsoft.com/office/drawing/2014/main" id="{05A5CAC5-1E94-C97B-35F1-9F4DB2F98A55}"/>
              </a:ext>
            </a:extLst>
          </p:cNvPr>
          <p:cNvSpPr/>
          <p:nvPr/>
        </p:nvSpPr>
        <p:spPr>
          <a:xfrm>
            <a:off x="574344" y="4776484"/>
            <a:ext cx="1480598" cy="432919"/>
          </a:xfrm>
          <a:prstGeom prst="round2SameRect">
            <a:avLst>
              <a:gd name="adj1" fmla="val 15279"/>
              <a:gd name="adj2" fmla="val 17939"/>
            </a:avLst>
          </a:prstGeom>
          <a:solidFill>
            <a:schemeClr val="bg1"/>
          </a:solidFill>
          <a:ln>
            <a:solidFill>
              <a:schemeClr val="bg1">
                <a:lumMod val="85000"/>
              </a:schemeClr>
            </a:solidFill>
          </a:ln>
          <a:effectLst>
            <a:outerShdw blurRad="50800" dist="38100" dir="2700000" algn="tl" rotWithShape="0">
              <a:prstClr val="black">
                <a:alpha val="1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sz="1400"/>
          </a:p>
        </p:txBody>
      </p:sp>
      <p:sp>
        <p:nvSpPr>
          <p:cNvPr id="2" name="Title 1">
            <a:extLst>
              <a:ext uri="{FF2B5EF4-FFF2-40B4-BE49-F238E27FC236}">
                <a16:creationId xmlns:a16="http://schemas.microsoft.com/office/drawing/2014/main" id="{2447EBAC-CFBA-8B81-4EB2-EDD4413595B3}"/>
              </a:ext>
            </a:extLst>
          </p:cNvPr>
          <p:cNvSpPr>
            <a:spLocks noGrp="1"/>
          </p:cNvSpPr>
          <p:nvPr>
            <p:ph type="title"/>
          </p:nvPr>
        </p:nvSpPr>
        <p:spPr/>
        <p:txBody>
          <a:bodyPr/>
          <a:lstStyle/>
          <a:p>
            <a:r>
              <a:rPr lang="en-US"/>
              <a:t>ANTITRUST ROULETTE</a:t>
            </a:r>
            <a:endParaRPr lang="en-IN"/>
          </a:p>
        </p:txBody>
      </p:sp>
      <p:sp>
        <p:nvSpPr>
          <p:cNvPr id="3" name="Content Placeholder 2">
            <a:extLst>
              <a:ext uri="{FF2B5EF4-FFF2-40B4-BE49-F238E27FC236}">
                <a16:creationId xmlns:a16="http://schemas.microsoft.com/office/drawing/2014/main" id="{81B63953-1DC3-C5E4-F518-48A6A5C185F0}"/>
              </a:ext>
            </a:extLst>
          </p:cNvPr>
          <p:cNvSpPr>
            <a:spLocks noGrp="1"/>
          </p:cNvSpPr>
          <p:nvPr>
            <p:ph idx="1"/>
          </p:nvPr>
        </p:nvSpPr>
        <p:spPr>
          <a:xfrm>
            <a:off x="533401" y="1465583"/>
            <a:ext cx="5562599" cy="3259444"/>
          </a:xfrm>
        </p:spPr>
        <p:txBody>
          <a:bodyPr>
            <a:noAutofit/>
          </a:bodyPr>
          <a:lstStyle/>
          <a:p>
            <a:pPr marL="0" lvl="2" indent="0">
              <a:lnSpc>
                <a:spcPct val="100000"/>
              </a:lnSpc>
              <a:spcBef>
                <a:spcPts val="1800"/>
              </a:spcBef>
              <a:buClr>
                <a:srgbClr val="00799E"/>
              </a:buClr>
              <a:buNone/>
            </a:pPr>
            <a:r>
              <a:rPr lang="en-US" sz="1400" b="1">
                <a:solidFill>
                  <a:srgbClr val="00799E"/>
                </a:solidFill>
                <a:latin typeface="+mj-lt"/>
                <a:ea typeface="Roboto" pitchFamily="2" charset="0"/>
                <a:cs typeface="+mj-cs"/>
              </a:rPr>
              <a:t>About: </a:t>
            </a:r>
            <a:r>
              <a:rPr lang="en-US" sz="1400">
                <a:solidFill>
                  <a:srgbClr val="404040"/>
                </a:solidFill>
                <a:latin typeface="+mj-lt"/>
                <a:ea typeface="Roboto" pitchFamily="2" charset="0"/>
              </a:rPr>
              <a:t>Game-based quiz modules to test user’s understanding of Intel’s Antitrust policy and how to apply its principles </a:t>
            </a:r>
          </a:p>
          <a:p>
            <a:pPr marL="0" lvl="2" indent="0">
              <a:lnSpc>
                <a:spcPct val="100000"/>
              </a:lnSpc>
              <a:spcBef>
                <a:spcPts val="1800"/>
              </a:spcBef>
              <a:buClr>
                <a:srgbClr val="00799E"/>
              </a:buClr>
              <a:buNone/>
            </a:pPr>
            <a:r>
              <a:rPr lang="en-US" sz="1400" b="1">
                <a:solidFill>
                  <a:srgbClr val="00799E"/>
                </a:solidFill>
                <a:latin typeface="+mj-lt"/>
                <a:ea typeface="Roboto" pitchFamily="2" charset="0"/>
                <a:cs typeface="+mj-cs"/>
              </a:rPr>
              <a:t>Design Highlights: </a:t>
            </a:r>
          </a:p>
          <a:p>
            <a:pPr marL="285750" lvl="2" indent="-285750">
              <a:spcBef>
                <a:spcPts val="600"/>
              </a:spcBef>
              <a:buClr>
                <a:srgbClr val="00799E"/>
              </a:buClr>
            </a:pPr>
            <a:r>
              <a:rPr lang="en-US" sz="1300">
                <a:solidFill>
                  <a:srgbClr val="404040"/>
                </a:solidFill>
                <a:latin typeface="+mj-lt"/>
                <a:ea typeface="Roboto" pitchFamily="2" charset="0"/>
              </a:rPr>
              <a:t>Short games with 5 questions presented in a Casino theme</a:t>
            </a:r>
          </a:p>
          <a:p>
            <a:pPr marL="285750" lvl="2" indent="-285750">
              <a:spcBef>
                <a:spcPts val="600"/>
              </a:spcBef>
              <a:buClr>
                <a:srgbClr val="00799E"/>
              </a:buClr>
            </a:pPr>
            <a:r>
              <a:rPr lang="en-US" sz="1300">
                <a:solidFill>
                  <a:srgbClr val="404040"/>
                </a:solidFill>
                <a:latin typeface="+mj-lt"/>
                <a:ea typeface="Roboto" pitchFamily="2" charset="0"/>
              </a:rPr>
              <a:t>Eye-catching visuals, sound effects, and complex functionalities </a:t>
            </a:r>
          </a:p>
          <a:p>
            <a:pPr marL="285750" lvl="2" indent="-285750">
              <a:spcBef>
                <a:spcPts val="600"/>
              </a:spcBef>
              <a:buClr>
                <a:srgbClr val="00799E"/>
              </a:buClr>
            </a:pPr>
            <a:r>
              <a:rPr lang="en-US" sz="1300">
                <a:solidFill>
                  <a:srgbClr val="404040"/>
                </a:solidFill>
                <a:latin typeface="+mj-lt"/>
                <a:ea typeface="Roboto" pitchFamily="2" charset="0"/>
              </a:rPr>
              <a:t>Used as a crowd pulling element in a sales and marketing workshop</a:t>
            </a:r>
          </a:p>
          <a:p>
            <a:pPr marL="285750" lvl="2" indent="-285750">
              <a:spcBef>
                <a:spcPts val="600"/>
              </a:spcBef>
              <a:buClr>
                <a:srgbClr val="00799E"/>
              </a:buClr>
            </a:pPr>
            <a:r>
              <a:rPr lang="en-US" sz="1300">
                <a:solidFill>
                  <a:srgbClr val="404040"/>
                </a:solidFill>
                <a:latin typeface="+mj-lt"/>
                <a:ea typeface="Roboto" pitchFamily="2" charset="0"/>
              </a:rPr>
              <a:t>Custom coded with Microsoft Surface tablet as the target device</a:t>
            </a:r>
          </a:p>
          <a:p>
            <a:pPr marL="285750" lvl="2" indent="-285750">
              <a:spcBef>
                <a:spcPts val="600"/>
              </a:spcBef>
              <a:buClr>
                <a:srgbClr val="00799E"/>
              </a:buClr>
            </a:pPr>
            <a:r>
              <a:rPr lang="en-US" sz="1300">
                <a:solidFill>
                  <a:srgbClr val="404040"/>
                </a:solidFill>
                <a:latin typeface="+mj-lt"/>
                <a:ea typeface="Roboto" pitchFamily="2" charset="0"/>
              </a:rPr>
              <a:t>Realistic depictions of the Roulette Poker and Lucky777 games </a:t>
            </a:r>
          </a:p>
          <a:p>
            <a:pPr marL="285750" lvl="2" indent="-285750">
              <a:spcBef>
                <a:spcPts val="600"/>
              </a:spcBef>
              <a:buClr>
                <a:srgbClr val="00799E"/>
              </a:buClr>
            </a:pPr>
            <a:r>
              <a:rPr lang="en-US" sz="1300" b="1">
                <a:solidFill>
                  <a:srgbClr val="404040"/>
                </a:solidFill>
                <a:latin typeface="+mj-lt"/>
                <a:ea typeface="Roboto" pitchFamily="2" charset="0"/>
              </a:rPr>
              <a:t>Built using – HTML5</a:t>
            </a:r>
          </a:p>
          <a:p>
            <a:pPr marL="285750" lvl="2" indent="-285750">
              <a:spcBef>
                <a:spcPts val="600"/>
              </a:spcBef>
              <a:buClr>
                <a:srgbClr val="00799E"/>
              </a:buClr>
            </a:pPr>
            <a:endParaRPr lang="en-US" sz="1300">
              <a:solidFill>
                <a:srgbClr val="404040"/>
              </a:solidFill>
              <a:latin typeface="+mj-lt"/>
              <a:ea typeface="Roboto" pitchFamily="2" charset="0"/>
            </a:endParaRPr>
          </a:p>
          <a:p>
            <a:pPr marL="0" lvl="2" indent="0">
              <a:lnSpc>
                <a:spcPct val="100000"/>
              </a:lnSpc>
              <a:spcBef>
                <a:spcPts val="1800"/>
              </a:spcBef>
              <a:buClr>
                <a:srgbClr val="00799E"/>
              </a:buClr>
              <a:buNone/>
            </a:pPr>
            <a:endParaRPr lang="en-US" sz="1400" b="1">
              <a:solidFill>
                <a:srgbClr val="00799E"/>
              </a:solidFill>
              <a:latin typeface="+mj-lt"/>
              <a:ea typeface="Roboto" pitchFamily="2" charset="0"/>
              <a:cs typeface="+mj-cs"/>
            </a:endParaRPr>
          </a:p>
          <a:p>
            <a:pPr marL="0" lvl="2" indent="0">
              <a:lnSpc>
                <a:spcPct val="100000"/>
              </a:lnSpc>
              <a:spcBef>
                <a:spcPts val="1800"/>
              </a:spcBef>
              <a:buClr>
                <a:srgbClr val="00799E"/>
              </a:buClr>
              <a:buNone/>
            </a:pPr>
            <a:endParaRPr lang="en-US" sz="1400" b="1">
              <a:solidFill>
                <a:srgbClr val="00799E"/>
              </a:solidFill>
              <a:latin typeface="+mj-lt"/>
              <a:ea typeface="Roboto" pitchFamily="2" charset="0"/>
              <a:cs typeface="+mj-cs"/>
            </a:endParaRPr>
          </a:p>
        </p:txBody>
      </p:sp>
      <p:sp>
        <p:nvSpPr>
          <p:cNvPr id="9" name="Slide Number Placeholder 5">
            <a:extLst>
              <a:ext uri="{FF2B5EF4-FFF2-40B4-BE49-F238E27FC236}">
                <a16:creationId xmlns:a16="http://schemas.microsoft.com/office/drawing/2014/main" id="{E681DE4A-070B-D960-7DD3-C06BF6C2F67F}"/>
              </a:ext>
            </a:extLst>
          </p:cNvPr>
          <p:cNvSpPr txBox="1">
            <a:spLocks/>
          </p:cNvSpPr>
          <p:nvPr/>
        </p:nvSpPr>
        <p:spPr>
          <a:xfrm>
            <a:off x="9349506" y="6439476"/>
            <a:ext cx="2743200" cy="365125"/>
          </a:xfrm>
          <a:prstGeom prst="rect">
            <a:avLst/>
          </a:prstGeom>
        </p:spPr>
        <p:txBody>
          <a:bodyPr vert="horz" lIns="91440" tIns="45720" rIns="91440" bIns="45720" rtlCol="0" anchor="ctr"/>
          <a:lstStyle>
            <a:defPPr>
              <a:defRPr lang="en-US"/>
            </a:defPPr>
            <a:lvl1pPr marL="0" algn="r" defTabSz="914400" rtl="0" eaLnBrk="1" latinLnBrk="0" hangingPunct="1">
              <a:defRPr sz="1200" kern="1200">
                <a:solidFill>
                  <a:schemeClr val="tx1">
                    <a:tint val="75000"/>
                  </a:schemeClr>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77068464-4C8E-431E-87E4-567733A7CD2F}" type="slidenum">
              <a:rPr lang="en-IN" sz="1000" smtClean="0">
                <a:solidFill>
                  <a:schemeClr val="bg1"/>
                </a:solidFill>
              </a:rPr>
              <a:pPr/>
              <a:t>25</a:t>
            </a:fld>
            <a:endParaRPr lang="en-IN" sz="1000">
              <a:solidFill>
                <a:schemeClr val="bg1"/>
              </a:solidFill>
            </a:endParaRPr>
          </a:p>
        </p:txBody>
      </p:sp>
      <p:sp>
        <p:nvSpPr>
          <p:cNvPr id="5" name="TextBox 4">
            <a:extLst>
              <a:ext uri="{FF2B5EF4-FFF2-40B4-BE49-F238E27FC236}">
                <a16:creationId xmlns:a16="http://schemas.microsoft.com/office/drawing/2014/main" id="{603A9171-598B-6CBA-BD13-28C52210CE2A}"/>
              </a:ext>
            </a:extLst>
          </p:cNvPr>
          <p:cNvSpPr txBox="1"/>
          <p:nvPr/>
        </p:nvSpPr>
        <p:spPr>
          <a:xfrm>
            <a:off x="574344" y="4854444"/>
            <a:ext cx="1480598" cy="276999"/>
          </a:xfrm>
          <a:prstGeom prst="rect">
            <a:avLst/>
          </a:prstGeom>
          <a:noFill/>
        </p:spPr>
        <p:txBody>
          <a:bodyPr wrap="square">
            <a:spAutoFit/>
          </a:bodyPr>
          <a:lstStyle/>
          <a:p>
            <a:pPr algn="ctr"/>
            <a:r>
              <a:rPr lang="en-GB" sz="1200" b="1" dirty="0">
                <a:solidFill>
                  <a:srgbClr val="0085BE"/>
                </a:solidFill>
                <a:ea typeface="Roboto" pitchFamily="2" charset="0"/>
                <a:cs typeface="Arial" pitchFamily="34" charset="0"/>
                <a:hlinkClick r:id="rId4"/>
              </a:rPr>
              <a:t>View Demo</a:t>
            </a:r>
            <a:endParaRPr lang="en-GB" sz="1200" b="1" dirty="0">
              <a:solidFill>
                <a:srgbClr val="0085BE"/>
              </a:solidFill>
              <a:ea typeface="Roboto" pitchFamily="2" charset="0"/>
              <a:cs typeface="Arial" pitchFamily="34" charset="0"/>
            </a:endParaRPr>
          </a:p>
        </p:txBody>
      </p:sp>
      <p:sp>
        <p:nvSpPr>
          <p:cNvPr id="13" name="Rectangle 12">
            <a:extLst>
              <a:ext uri="{FF2B5EF4-FFF2-40B4-BE49-F238E27FC236}">
                <a16:creationId xmlns:a16="http://schemas.microsoft.com/office/drawing/2014/main" id="{3796CD4E-B322-97D3-996F-9786F8F01317}"/>
              </a:ext>
            </a:extLst>
          </p:cNvPr>
          <p:cNvSpPr/>
          <p:nvPr/>
        </p:nvSpPr>
        <p:spPr>
          <a:xfrm>
            <a:off x="7538720" y="1988806"/>
            <a:ext cx="3901440" cy="2471434"/>
          </a:xfrm>
          <a:prstGeom prst="rect">
            <a:avLst/>
          </a:prstGeom>
          <a:gradFill flip="none" rotWithShape="1">
            <a:gsLst>
              <a:gs pos="49000">
                <a:srgbClr val="024B84"/>
              </a:gs>
              <a:gs pos="85000">
                <a:srgbClr val="020812"/>
              </a:gs>
            </a:gsLst>
            <a:path path="circle">
              <a:fillToRect l="50000" t="50000" r="50000" b="50000"/>
            </a:path>
            <a:tileRect/>
          </a:gra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pic>
        <p:nvPicPr>
          <p:cNvPr id="20" name="Picture 19" descr="A roulette wheel with a gold and red circle&#10;&#10;Description automatically generated">
            <a:extLst>
              <a:ext uri="{FF2B5EF4-FFF2-40B4-BE49-F238E27FC236}">
                <a16:creationId xmlns:a16="http://schemas.microsoft.com/office/drawing/2014/main" id="{CFA5F5A2-1E2D-C10D-3E58-D26FE88BDA9B}"/>
              </a:ext>
            </a:extLst>
          </p:cNvPr>
          <p:cNvPicPr>
            <a:picLocks noChangeAspect="1"/>
          </p:cNvPicPr>
          <p:nvPr/>
        </p:nvPicPr>
        <p:blipFill>
          <a:blip r:embed="rId5" cstate="screen">
            <a:extLst>
              <a:ext uri="{28A0092B-C50C-407E-A947-70E740481C1C}">
                <a14:useLocalDpi xmlns:a14="http://schemas.microsoft.com/office/drawing/2010/main"/>
              </a:ext>
            </a:extLst>
          </a:blip>
          <a:stretch>
            <a:fillRect/>
          </a:stretch>
        </p:blipFill>
        <p:spPr>
          <a:xfrm>
            <a:off x="7543220" y="2160741"/>
            <a:ext cx="3901440" cy="2136054"/>
          </a:xfrm>
          <a:prstGeom prst="rect">
            <a:avLst/>
          </a:prstGeom>
        </p:spPr>
      </p:pic>
      <p:pic>
        <p:nvPicPr>
          <p:cNvPr id="7" name="Graphic 6">
            <a:extLst>
              <a:ext uri="{FF2B5EF4-FFF2-40B4-BE49-F238E27FC236}">
                <a16:creationId xmlns:a16="http://schemas.microsoft.com/office/drawing/2014/main" id="{33210F6F-540B-2C0C-BCF8-BC8F2FD93ABE}"/>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10845602" y="294821"/>
            <a:ext cx="1070016" cy="199686"/>
          </a:xfrm>
          <a:prstGeom prst="rect">
            <a:avLst/>
          </a:prstGeom>
        </p:spPr>
      </p:pic>
    </p:spTree>
    <p:extLst>
      <p:ext uri="{BB962C8B-B14F-4D97-AF65-F5344CB8AC3E}">
        <p14:creationId xmlns:p14="http://schemas.microsoft.com/office/powerpoint/2010/main" val="1708930057"/>
      </p:ext>
    </p:extLst>
  </p:cSld>
  <p:clrMapOvr>
    <a:masterClrMapping/>
  </p:clrMapOvr>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8" name="Title 1">
            <a:extLst>
              <a:ext uri="{FF2B5EF4-FFF2-40B4-BE49-F238E27FC236}">
                <a16:creationId xmlns:a16="http://schemas.microsoft.com/office/drawing/2014/main" id="{EF62E507-7BFA-F1A0-A235-E80AC4BA2A49}"/>
              </a:ext>
            </a:extLst>
          </p:cNvPr>
          <p:cNvSpPr txBox="1">
            <a:spLocks/>
          </p:cNvSpPr>
          <p:nvPr/>
        </p:nvSpPr>
        <p:spPr>
          <a:xfrm>
            <a:off x="533401" y="157024"/>
            <a:ext cx="10515600" cy="686003"/>
          </a:xfrm>
          <a:prstGeom prst="rect">
            <a:avLst/>
          </a:prstGeom>
        </p:spPr>
        <p:txBody>
          <a:bodyPr anchor="b"/>
          <a:lstStyle>
            <a:lvl1pPr algn="l" defTabSz="914400" rtl="0" eaLnBrk="1" latinLnBrk="0" hangingPunct="1">
              <a:lnSpc>
                <a:spcPct val="90000"/>
              </a:lnSpc>
              <a:spcBef>
                <a:spcPct val="0"/>
              </a:spcBef>
              <a:buNone/>
              <a:defRPr sz="2200" b="1" kern="1200">
                <a:solidFill>
                  <a:schemeClr val="tx1"/>
                </a:solidFill>
                <a:latin typeface="+mn-lt"/>
                <a:ea typeface="+mj-ea"/>
                <a:cs typeface="+mj-cs"/>
              </a:defRPr>
            </a:lvl1pPr>
          </a:lstStyle>
          <a:p>
            <a:r>
              <a:rPr lang="en-US"/>
              <a:t>ANTITRUST ROULETTE</a:t>
            </a:r>
            <a:endParaRPr lang="en-IN"/>
          </a:p>
        </p:txBody>
      </p:sp>
      <p:sp>
        <p:nvSpPr>
          <p:cNvPr id="41" name="Rectangle 40">
            <a:extLst>
              <a:ext uri="{FF2B5EF4-FFF2-40B4-BE49-F238E27FC236}">
                <a16:creationId xmlns:a16="http://schemas.microsoft.com/office/drawing/2014/main" id="{3B557CB6-F09A-CCB8-E6D3-0D0D4BCCBC74}"/>
              </a:ext>
            </a:extLst>
          </p:cNvPr>
          <p:cNvSpPr/>
          <p:nvPr/>
        </p:nvSpPr>
        <p:spPr>
          <a:xfrm>
            <a:off x="0" y="5555848"/>
            <a:ext cx="12192000" cy="1302151"/>
          </a:xfrm>
          <a:prstGeom prst="rect">
            <a:avLst/>
          </a:prstGeom>
          <a:solidFill>
            <a:srgbClr val="0085BE"/>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pic>
        <p:nvPicPr>
          <p:cNvPr id="3" name="Picture 2" descr="A circular sign with lights&#10;&#10;Description automatically generated">
            <a:extLst>
              <a:ext uri="{FF2B5EF4-FFF2-40B4-BE49-F238E27FC236}">
                <a16:creationId xmlns:a16="http://schemas.microsoft.com/office/drawing/2014/main" id="{7784D631-C3D6-19A1-13B6-9D7C25E9D7A2}"/>
              </a:ext>
            </a:extLst>
          </p:cNvPr>
          <p:cNvPicPr>
            <a:picLocks noChangeAspect="1"/>
          </p:cNvPicPr>
          <p:nvPr/>
        </p:nvPicPr>
        <p:blipFill>
          <a:blip r:embed="rId2">
            <a:extLst>
              <a:ext uri="{28A0092B-C50C-407E-A947-70E740481C1C}">
                <a14:useLocalDpi xmlns:a14="http://schemas.microsoft.com/office/drawing/2010/main"/>
              </a:ext>
            </a:extLst>
          </a:blip>
          <a:stretch>
            <a:fillRect/>
          </a:stretch>
        </p:blipFill>
        <p:spPr>
          <a:xfrm>
            <a:off x="1651954" y="1340657"/>
            <a:ext cx="8888092" cy="4866266"/>
          </a:xfrm>
          <a:prstGeom prst="roundRect">
            <a:avLst>
              <a:gd name="adj" fmla="val 2930"/>
            </a:avLst>
          </a:prstGeom>
          <a:effectLst>
            <a:outerShdw blurRad="50800" dist="38100" dir="2700000" algn="tl" rotWithShape="0">
              <a:prstClr val="black">
                <a:alpha val="20000"/>
              </a:prstClr>
            </a:outerShdw>
          </a:effectLst>
        </p:spPr>
      </p:pic>
      <p:cxnSp>
        <p:nvCxnSpPr>
          <p:cNvPr id="10" name="Straight Connector 9">
            <a:extLst>
              <a:ext uri="{FF2B5EF4-FFF2-40B4-BE49-F238E27FC236}">
                <a16:creationId xmlns:a16="http://schemas.microsoft.com/office/drawing/2014/main" id="{81AE5FC2-C90C-45F6-55F2-C503BD062496}"/>
              </a:ext>
            </a:extLst>
          </p:cNvPr>
          <p:cNvCxnSpPr/>
          <p:nvPr/>
        </p:nvCxnSpPr>
        <p:spPr>
          <a:xfrm>
            <a:off x="625303" y="882907"/>
            <a:ext cx="640080" cy="0"/>
          </a:xfrm>
          <a:prstGeom prst="line">
            <a:avLst/>
          </a:prstGeom>
          <a:ln w="28575">
            <a:solidFill>
              <a:srgbClr val="0574B0"/>
            </a:solidFill>
          </a:ln>
        </p:spPr>
        <p:style>
          <a:lnRef idx="1">
            <a:schemeClr val="accent1"/>
          </a:lnRef>
          <a:fillRef idx="0">
            <a:schemeClr val="accent1"/>
          </a:fillRef>
          <a:effectRef idx="0">
            <a:schemeClr val="accent1"/>
          </a:effectRef>
          <a:fontRef idx="minor">
            <a:schemeClr val="tx1"/>
          </a:fontRef>
        </p:style>
      </p:cxnSp>
      <p:sp>
        <p:nvSpPr>
          <p:cNvPr id="11" name="Slide Number Placeholder 5">
            <a:extLst>
              <a:ext uri="{FF2B5EF4-FFF2-40B4-BE49-F238E27FC236}">
                <a16:creationId xmlns:a16="http://schemas.microsoft.com/office/drawing/2014/main" id="{39E37F9F-7BA4-1BE1-159B-B40043664066}"/>
              </a:ext>
            </a:extLst>
          </p:cNvPr>
          <p:cNvSpPr txBox="1">
            <a:spLocks/>
          </p:cNvSpPr>
          <p:nvPr/>
        </p:nvSpPr>
        <p:spPr>
          <a:xfrm>
            <a:off x="9349506" y="6439476"/>
            <a:ext cx="2743200" cy="365125"/>
          </a:xfrm>
          <a:prstGeom prst="rect">
            <a:avLst/>
          </a:prstGeom>
        </p:spPr>
        <p:txBody>
          <a:bodyPr vert="horz" lIns="91440" tIns="45720" rIns="91440" bIns="45720" rtlCol="0" anchor="ctr"/>
          <a:lstStyle>
            <a:defPPr>
              <a:defRPr lang="en-US"/>
            </a:defPPr>
            <a:lvl1pPr marL="0" algn="r" defTabSz="914400" rtl="0" eaLnBrk="1" latinLnBrk="0" hangingPunct="1">
              <a:defRPr sz="1200" kern="1200">
                <a:solidFill>
                  <a:schemeClr val="tx1">
                    <a:tint val="75000"/>
                  </a:schemeClr>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77068464-4C8E-431E-87E4-567733A7CD2F}" type="slidenum">
              <a:rPr lang="en-IN" sz="1000" smtClean="0">
                <a:solidFill>
                  <a:schemeClr val="bg1"/>
                </a:solidFill>
              </a:rPr>
              <a:pPr/>
              <a:t>26</a:t>
            </a:fld>
            <a:endParaRPr lang="en-IN" sz="1000">
              <a:solidFill>
                <a:schemeClr val="bg1"/>
              </a:solidFill>
            </a:endParaRPr>
          </a:p>
        </p:txBody>
      </p:sp>
    </p:spTree>
    <p:extLst>
      <p:ext uri="{BB962C8B-B14F-4D97-AF65-F5344CB8AC3E}">
        <p14:creationId xmlns:p14="http://schemas.microsoft.com/office/powerpoint/2010/main" val="355967596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nodeType="withEffect">
                                  <p:stCondLst>
                                    <p:cond delay="0"/>
                                  </p:stCondLst>
                                  <p:childTnLst>
                                    <p:set>
                                      <p:cBhvr>
                                        <p:cTn id="6" dur="1" fill="hold">
                                          <p:stCondLst>
                                            <p:cond delay="0"/>
                                          </p:stCondLst>
                                        </p:cTn>
                                        <p:tgtEl>
                                          <p:spTgt spid="10"/>
                                        </p:tgtEl>
                                        <p:attrNameLst>
                                          <p:attrName>style.visibility</p:attrName>
                                        </p:attrNameLst>
                                      </p:cBhvr>
                                      <p:to>
                                        <p:strVal val="visible"/>
                                      </p:to>
                                    </p:set>
                                    <p:anim calcmode="lin" valueType="num">
                                      <p:cBhvr additive="base">
                                        <p:cTn id="7" dur="500" fill="hold"/>
                                        <p:tgtEl>
                                          <p:spTgt spid="10"/>
                                        </p:tgtEl>
                                        <p:attrNameLst>
                                          <p:attrName>ppt_x</p:attrName>
                                        </p:attrNameLst>
                                      </p:cBhvr>
                                      <p:tavLst>
                                        <p:tav tm="0">
                                          <p:val>
                                            <p:strVal val="0-#ppt_w/2"/>
                                          </p:val>
                                        </p:tav>
                                        <p:tav tm="100000">
                                          <p:val>
                                            <p:strVal val="#ppt_x"/>
                                          </p:val>
                                        </p:tav>
                                      </p:tavLst>
                                    </p:anim>
                                    <p:anim calcmode="lin" valueType="num">
                                      <p:cBhvr additive="base">
                                        <p:cTn id="8" dur="500" fill="hold"/>
                                        <p:tgtEl>
                                          <p:spTgt spid="10"/>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8" name="Title 1">
            <a:extLst>
              <a:ext uri="{FF2B5EF4-FFF2-40B4-BE49-F238E27FC236}">
                <a16:creationId xmlns:a16="http://schemas.microsoft.com/office/drawing/2014/main" id="{EF62E507-7BFA-F1A0-A235-E80AC4BA2A49}"/>
              </a:ext>
            </a:extLst>
          </p:cNvPr>
          <p:cNvSpPr txBox="1">
            <a:spLocks/>
          </p:cNvSpPr>
          <p:nvPr/>
        </p:nvSpPr>
        <p:spPr>
          <a:xfrm>
            <a:off x="533401" y="157024"/>
            <a:ext cx="10515600" cy="686003"/>
          </a:xfrm>
          <a:prstGeom prst="rect">
            <a:avLst/>
          </a:prstGeom>
        </p:spPr>
        <p:txBody>
          <a:bodyPr anchor="b"/>
          <a:lstStyle>
            <a:lvl1pPr algn="l" defTabSz="914400" rtl="0" eaLnBrk="1" latinLnBrk="0" hangingPunct="1">
              <a:lnSpc>
                <a:spcPct val="90000"/>
              </a:lnSpc>
              <a:spcBef>
                <a:spcPct val="0"/>
              </a:spcBef>
              <a:buNone/>
              <a:defRPr sz="2200" b="1" kern="1200">
                <a:solidFill>
                  <a:schemeClr val="tx1"/>
                </a:solidFill>
                <a:latin typeface="+mn-lt"/>
                <a:ea typeface="+mj-ea"/>
                <a:cs typeface="+mj-cs"/>
              </a:defRPr>
            </a:lvl1pPr>
          </a:lstStyle>
          <a:p>
            <a:r>
              <a:rPr lang="en-US"/>
              <a:t>ANTITRUST ROULETTE</a:t>
            </a:r>
            <a:endParaRPr lang="en-IN"/>
          </a:p>
        </p:txBody>
      </p:sp>
      <p:sp>
        <p:nvSpPr>
          <p:cNvPr id="41" name="Rectangle 40">
            <a:extLst>
              <a:ext uri="{FF2B5EF4-FFF2-40B4-BE49-F238E27FC236}">
                <a16:creationId xmlns:a16="http://schemas.microsoft.com/office/drawing/2014/main" id="{3B557CB6-F09A-CCB8-E6D3-0D0D4BCCBC74}"/>
              </a:ext>
            </a:extLst>
          </p:cNvPr>
          <p:cNvSpPr/>
          <p:nvPr/>
        </p:nvSpPr>
        <p:spPr>
          <a:xfrm>
            <a:off x="0" y="5555848"/>
            <a:ext cx="12192000" cy="1302151"/>
          </a:xfrm>
          <a:prstGeom prst="rect">
            <a:avLst/>
          </a:prstGeom>
          <a:solidFill>
            <a:srgbClr val="0085BE"/>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cxnSp>
        <p:nvCxnSpPr>
          <p:cNvPr id="10" name="Straight Connector 9">
            <a:extLst>
              <a:ext uri="{FF2B5EF4-FFF2-40B4-BE49-F238E27FC236}">
                <a16:creationId xmlns:a16="http://schemas.microsoft.com/office/drawing/2014/main" id="{81AE5FC2-C90C-45F6-55F2-C503BD062496}"/>
              </a:ext>
            </a:extLst>
          </p:cNvPr>
          <p:cNvCxnSpPr/>
          <p:nvPr/>
        </p:nvCxnSpPr>
        <p:spPr>
          <a:xfrm>
            <a:off x="625303" y="882907"/>
            <a:ext cx="640080" cy="0"/>
          </a:xfrm>
          <a:prstGeom prst="line">
            <a:avLst/>
          </a:prstGeom>
          <a:ln w="28575">
            <a:solidFill>
              <a:srgbClr val="0574B0"/>
            </a:solidFill>
          </a:ln>
        </p:spPr>
        <p:style>
          <a:lnRef idx="1">
            <a:schemeClr val="accent1"/>
          </a:lnRef>
          <a:fillRef idx="0">
            <a:schemeClr val="accent1"/>
          </a:fillRef>
          <a:effectRef idx="0">
            <a:schemeClr val="accent1"/>
          </a:effectRef>
          <a:fontRef idx="minor">
            <a:schemeClr val="tx1"/>
          </a:fontRef>
        </p:style>
      </p:cxnSp>
      <p:sp>
        <p:nvSpPr>
          <p:cNvPr id="11" name="Slide Number Placeholder 5">
            <a:extLst>
              <a:ext uri="{FF2B5EF4-FFF2-40B4-BE49-F238E27FC236}">
                <a16:creationId xmlns:a16="http://schemas.microsoft.com/office/drawing/2014/main" id="{39E37F9F-7BA4-1BE1-159B-B40043664066}"/>
              </a:ext>
            </a:extLst>
          </p:cNvPr>
          <p:cNvSpPr txBox="1">
            <a:spLocks/>
          </p:cNvSpPr>
          <p:nvPr/>
        </p:nvSpPr>
        <p:spPr>
          <a:xfrm>
            <a:off x="9349506" y="6439476"/>
            <a:ext cx="2743200" cy="365125"/>
          </a:xfrm>
          <a:prstGeom prst="rect">
            <a:avLst/>
          </a:prstGeom>
        </p:spPr>
        <p:txBody>
          <a:bodyPr vert="horz" lIns="91440" tIns="45720" rIns="91440" bIns="45720" rtlCol="0" anchor="ctr"/>
          <a:lstStyle>
            <a:defPPr>
              <a:defRPr lang="en-US"/>
            </a:defPPr>
            <a:lvl1pPr marL="0" algn="r" defTabSz="914400" rtl="0" eaLnBrk="1" latinLnBrk="0" hangingPunct="1">
              <a:defRPr sz="1200" kern="1200">
                <a:solidFill>
                  <a:schemeClr val="tx1">
                    <a:tint val="75000"/>
                  </a:schemeClr>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77068464-4C8E-431E-87E4-567733A7CD2F}" type="slidenum">
              <a:rPr lang="en-IN" sz="1000" smtClean="0">
                <a:solidFill>
                  <a:schemeClr val="bg1"/>
                </a:solidFill>
              </a:rPr>
              <a:pPr/>
              <a:t>27</a:t>
            </a:fld>
            <a:endParaRPr lang="en-IN" sz="1000">
              <a:solidFill>
                <a:schemeClr val="bg1"/>
              </a:solidFill>
            </a:endParaRPr>
          </a:p>
        </p:txBody>
      </p:sp>
      <p:pic>
        <p:nvPicPr>
          <p:cNvPr id="2" name="Picture 1" descr="A person with her hand out&#10;&#10;Description automatically generated">
            <a:extLst>
              <a:ext uri="{FF2B5EF4-FFF2-40B4-BE49-F238E27FC236}">
                <a16:creationId xmlns:a16="http://schemas.microsoft.com/office/drawing/2014/main" id="{48A33BDA-926C-58A0-3ED6-8E623B03B531}"/>
              </a:ext>
            </a:extLst>
          </p:cNvPr>
          <p:cNvPicPr>
            <a:picLocks noChangeAspect="1"/>
          </p:cNvPicPr>
          <p:nvPr/>
        </p:nvPicPr>
        <p:blipFill>
          <a:blip r:embed="rId2">
            <a:extLst>
              <a:ext uri="{28A0092B-C50C-407E-A947-70E740481C1C}">
                <a14:useLocalDpi xmlns:a14="http://schemas.microsoft.com/office/drawing/2010/main"/>
              </a:ext>
            </a:extLst>
          </a:blip>
          <a:stretch>
            <a:fillRect/>
          </a:stretch>
        </p:blipFill>
        <p:spPr>
          <a:xfrm>
            <a:off x="1651954" y="1340657"/>
            <a:ext cx="8888092" cy="4866266"/>
          </a:xfrm>
          <a:prstGeom prst="roundRect">
            <a:avLst>
              <a:gd name="adj" fmla="val 2930"/>
            </a:avLst>
          </a:prstGeom>
          <a:effectLst>
            <a:outerShdw blurRad="50800" dist="38100" dir="2700000" algn="tl" rotWithShape="0">
              <a:prstClr val="black">
                <a:alpha val="20000"/>
              </a:prstClr>
            </a:outerShdw>
          </a:effectLst>
        </p:spPr>
      </p:pic>
    </p:spTree>
    <p:extLst>
      <p:ext uri="{BB962C8B-B14F-4D97-AF65-F5344CB8AC3E}">
        <p14:creationId xmlns:p14="http://schemas.microsoft.com/office/powerpoint/2010/main" val="254171178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nodeType="withEffect">
                                  <p:stCondLst>
                                    <p:cond delay="0"/>
                                  </p:stCondLst>
                                  <p:childTnLst>
                                    <p:set>
                                      <p:cBhvr>
                                        <p:cTn id="6" dur="1" fill="hold">
                                          <p:stCondLst>
                                            <p:cond delay="0"/>
                                          </p:stCondLst>
                                        </p:cTn>
                                        <p:tgtEl>
                                          <p:spTgt spid="10"/>
                                        </p:tgtEl>
                                        <p:attrNameLst>
                                          <p:attrName>style.visibility</p:attrName>
                                        </p:attrNameLst>
                                      </p:cBhvr>
                                      <p:to>
                                        <p:strVal val="visible"/>
                                      </p:to>
                                    </p:set>
                                    <p:anim calcmode="lin" valueType="num">
                                      <p:cBhvr additive="base">
                                        <p:cTn id="7" dur="500" fill="hold"/>
                                        <p:tgtEl>
                                          <p:spTgt spid="10"/>
                                        </p:tgtEl>
                                        <p:attrNameLst>
                                          <p:attrName>ppt_x</p:attrName>
                                        </p:attrNameLst>
                                      </p:cBhvr>
                                      <p:tavLst>
                                        <p:tav tm="0">
                                          <p:val>
                                            <p:strVal val="0-#ppt_w/2"/>
                                          </p:val>
                                        </p:tav>
                                        <p:tav tm="100000">
                                          <p:val>
                                            <p:strVal val="#ppt_x"/>
                                          </p:val>
                                        </p:tav>
                                      </p:tavLst>
                                    </p:anim>
                                    <p:anim calcmode="lin" valueType="num">
                                      <p:cBhvr additive="base">
                                        <p:cTn id="8" dur="500" fill="hold"/>
                                        <p:tgtEl>
                                          <p:spTgt spid="10"/>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8" name="Title 1">
            <a:extLst>
              <a:ext uri="{FF2B5EF4-FFF2-40B4-BE49-F238E27FC236}">
                <a16:creationId xmlns:a16="http://schemas.microsoft.com/office/drawing/2014/main" id="{EF62E507-7BFA-F1A0-A235-E80AC4BA2A49}"/>
              </a:ext>
            </a:extLst>
          </p:cNvPr>
          <p:cNvSpPr txBox="1">
            <a:spLocks/>
          </p:cNvSpPr>
          <p:nvPr/>
        </p:nvSpPr>
        <p:spPr>
          <a:xfrm>
            <a:off x="533401" y="157024"/>
            <a:ext cx="10515600" cy="686003"/>
          </a:xfrm>
          <a:prstGeom prst="rect">
            <a:avLst/>
          </a:prstGeom>
        </p:spPr>
        <p:txBody>
          <a:bodyPr anchor="b"/>
          <a:lstStyle>
            <a:lvl1pPr algn="l" defTabSz="914400" rtl="0" eaLnBrk="1" latinLnBrk="0" hangingPunct="1">
              <a:lnSpc>
                <a:spcPct val="90000"/>
              </a:lnSpc>
              <a:spcBef>
                <a:spcPct val="0"/>
              </a:spcBef>
              <a:buNone/>
              <a:defRPr sz="2200" b="1" kern="1200">
                <a:solidFill>
                  <a:schemeClr val="tx1"/>
                </a:solidFill>
                <a:latin typeface="+mn-lt"/>
                <a:ea typeface="+mj-ea"/>
                <a:cs typeface="+mj-cs"/>
              </a:defRPr>
            </a:lvl1pPr>
          </a:lstStyle>
          <a:p>
            <a:r>
              <a:rPr lang="en-US"/>
              <a:t>ANTITRUST ROULETTE</a:t>
            </a:r>
            <a:endParaRPr lang="en-IN"/>
          </a:p>
        </p:txBody>
      </p:sp>
      <p:sp>
        <p:nvSpPr>
          <p:cNvPr id="41" name="Rectangle 40">
            <a:extLst>
              <a:ext uri="{FF2B5EF4-FFF2-40B4-BE49-F238E27FC236}">
                <a16:creationId xmlns:a16="http://schemas.microsoft.com/office/drawing/2014/main" id="{3B557CB6-F09A-CCB8-E6D3-0D0D4BCCBC74}"/>
              </a:ext>
            </a:extLst>
          </p:cNvPr>
          <p:cNvSpPr/>
          <p:nvPr/>
        </p:nvSpPr>
        <p:spPr>
          <a:xfrm>
            <a:off x="0" y="5555848"/>
            <a:ext cx="12192000" cy="1302151"/>
          </a:xfrm>
          <a:prstGeom prst="rect">
            <a:avLst/>
          </a:prstGeom>
          <a:solidFill>
            <a:srgbClr val="0085BE"/>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cxnSp>
        <p:nvCxnSpPr>
          <p:cNvPr id="10" name="Straight Connector 9">
            <a:extLst>
              <a:ext uri="{FF2B5EF4-FFF2-40B4-BE49-F238E27FC236}">
                <a16:creationId xmlns:a16="http://schemas.microsoft.com/office/drawing/2014/main" id="{81AE5FC2-C90C-45F6-55F2-C503BD062496}"/>
              </a:ext>
            </a:extLst>
          </p:cNvPr>
          <p:cNvCxnSpPr/>
          <p:nvPr/>
        </p:nvCxnSpPr>
        <p:spPr>
          <a:xfrm>
            <a:off x="625303" y="882907"/>
            <a:ext cx="640080" cy="0"/>
          </a:xfrm>
          <a:prstGeom prst="line">
            <a:avLst/>
          </a:prstGeom>
          <a:ln w="28575">
            <a:solidFill>
              <a:srgbClr val="0574B0"/>
            </a:solidFill>
          </a:ln>
        </p:spPr>
        <p:style>
          <a:lnRef idx="1">
            <a:schemeClr val="accent1"/>
          </a:lnRef>
          <a:fillRef idx="0">
            <a:schemeClr val="accent1"/>
          </a:fillRef>
          <a:effectRef idx="0">
            <a:schemeClr val="accent1"/>
          </a:effectRef>
          <a:fontRef idx="minor">
            <a:schemeClr val="tx1"/>
          </a:fontRef>
        </p:style>
      </p:cxnSp>
      <p:sp>
        <p:nvSpPr>
          <p:cNvPr id="11" name="Slide Number Placeholder 5">
            <a:extLst>
              <a:ext uri="{FF2B5EF4-FFF2-40B4-BE49-F238E27FC236}">
                <a16:creationId xmlns:a16="http://schemas.microsoft.com/office/drawing/2014/main" id="{39E37F9F-7BA4-1BE1-159B-B40043664066}"/>
              </a:ext>
            </a:extLst>
          </p:cNvPr>
          <p:cNvSpPr txBox="1">
            <a:spLocks/>
          </p:cNvSpPr>
          <p:nvPr/>
        </p:nvSpPr>
        <p:spPr>
          <a:xfrm>
            <a:off x="9349506" y="6439476"/>
            <a:ext cx="2743200" cy="365125"/>
          </a:xfrm>
          <a:prstGeom prst="rect">
            <a:avLst/>
          </a:prstGeom>
        </p:spPr>
        <p:txBody>
          <a:bodyPr vert="horz" lIns="91440" tIns="45720" rIns="91440" bIns="45720" rtlCol="0" anchor="ctr"/>
          <a:lstStyle>
            <a:defPPr>
              <a:defRPr lang="en-US"/>
            </a:defPPr>
            <a:lvl1pPr marL="0" algn="r" defTabSz="914400" rtl="0" eaLnBrk="1" latinLnBrk="0" hangingPunct="1">
              <a:defRPr sz="1200" kern="1200">
                <a:solidFill>
                  <a:schemeClr val="tx1">
                    <a:tint val="75000"/>
                  </a:schemeClr>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77068464-4C8E-431E-87E4-567733A7CD2F}" type="slidenum">
              <a:rPr lang="en-IN" sz="1000" smtClean="0">
                <a:solidFill>
                  <a:schemeClr val="bg1"/>
                </a:solidFill>
              </a:rPr>
              <a:pPr/>
              <a:t>28</a:t>
            </a:fld>
            <a:endParaRPr lang="en-IN" sz="1000">
              <a:solidFill>
                <a:schemeClr val="bg1"/>
              </a:solidFill>
            </a:endParaRPr>
          </a:p>
        </p:txBody>
      </p:sp>
      <p:pic>
        <p:nvPicPr>
          <p:cNvPr id="2" name="Picture 1" descr="A roulette wheel with a gold and red circle&#10;&#10;Description automatically generated">
            <a:extLst>
              <a:ext uri="{FF2B5EF4-FFF2-40B4-BE49-F238E27FC236}">
                <a16:creationId xmlns:a16="http://schemas.microsoft.com/office/drawing/2014/main" id="{C92364F6-C150-DD89-6B07-7DC990A715E4}"/>
              </a:ext>
            </a:extLst>
          </p:cNvPr>
          <p:cNvPicPr>
            <a:picLocks noChangeAspect="1"/>
          </p:cNvPicPr>
          <p:nvPr/>
        </p:nvPicPr>
        <p:blipFill>
          <a:blip r:embed="rId2">
            <a:extLst>
              <a:ext uri="{28A0092B-C50C-407E-A947-70E740481C1C}">
                <a14:useLocalDpi xmlns:a14="http://schemas.microsoft.com/office/drawing/2010/main"/>
              </a:ext>
            </a:extLst>
          </a:blip>
          <a:stretch>
            <a:fillRect/>
          </a:stretch>
        </p:blipFill>
        <p:spPr>
          <a:xfrm>
            <a:off x="1651954" y="1340657"/>
            <a:ext cx="8888092" cy="4866266"/>
          </a:xfrm>
          <a:prstGeom prst="roundRect">
            <a:avLst>
              <a:gd name="adj" fmla="val 2930"/>
            </a:avLst>
          </a:prstGeom>
          <a:effectLst>
            <a:outerShdw blurRad="50800" dist="38100" dir="2700000" algn="tl" rotWithShape="0">
              <a:prstClr val="black">
                <a:alpha val="20000"/>
              </a:prstClr>
            </a:outerShdw>
          </a:effectLst>
        </p:spPr>
      </p:pic>
    </p:spTree>
    <p:extLst>
      <p:ext uri="{BB962C8B-B14F-4D97-AF65-F5344CB8AC3E}">
        <p14:creationId xmlns:p14="http://schemas.microsoft.com/office/powerpoint/2010/main" val="74453604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nodeType="withEffect">
                                  <p:stCondLst>
                                    <p:cond delay="0"/>
                                  </p:stCondLst>
                                  <p:childTnLst>
                                    <p:set>
                                      <p:cBhvr>
                                        <p:cTn id="6" dur="1" fill="hold">
                                          <p:stCondLst>
                                            <p:cond delay="0"/>
                                          </p:stCondLst>
                                        </p:cTn>
                                        <p:tgtEl>
                                          <p:spTgt spid="10"/>
                                        </p:tgtEl>
                                        <p:attrNameLst>
                                          <p:attrName>style.visibility</p:attrName>
                                        </p:attrNameLst>
                                      </p:cBhvr>
                                      <p:to>
                                        <p:strVal val="visible"/>
                                      </p:to>
                                    </p:set>
                                    <p:anim calcmode="lin" valueType="num">
                                      <p:cBhvr additive="base">
                                        <p:cTn id="7" dur="500" fill="hold"/>
                                        <p:tgtEl>
                                          <p:spTgt spid="10"/>
                                        </p:tgtEl>
                                        <p:attrNameLst>
                                          <p:attrName>ppt_x</p:attrName>
                                        </p:attrNameLst>
                                      </p:cBhvr>
                                      <p:tavLst>
                                        <p:tav tm="0">
                                          <p:val>
                                            <p:strVal val="0-#ppt_w/2"/>
                                          </p:val>
                                        </p:tav>
                                        <p:tav tm="100000">
                                          <p:val>
                                            <p:strVal val="#ppt_x"/>
                                          </p:val>
                                        </p:tav>
                                      </p:tavLst>
                                    </p:anim>
                                    <p:anim calcmode="lin" valueType="num">
                                      <p:cBhvr additive="base">
                                        <p:cTn id="8" dur="500" fill="hold"/>
                                        <p:tgtEl>
                                          <p:spTgt spid="10"/>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8" name="Title 1">
            <a:extLst>
              <a:ext uri="{FF2B5EF4-FFF2-40B4-BE49-F238E27FC236}">
                <a16:creationId xmlns:a16="http://schemas.microsoft.com/office/drawing/2014/main" id="{EF62E507-7BFA-F1A0-A235-E80AC4BA2A49}"/>
              </a:ext>
            </a:extLst>
          </p:cNvPr>
          <p:cNvSpPr txBox="1">
            <a:spLocks/>
          </p:cNvSpPr>
          <p:nvPr/>
        </p:nvSpPr>
        <p:spPr>
          <a:xfrm>
            <a:off x="533401" y="157024"/>
            <a:ext cx="10515600" cy="686003"/>
          </a:xfrm>
          <a:prstGeom prst="rect">
            <a:avLst/>
          </a:prstGeom>
        </p:spPr>
        <p:txBody>
          <a:bodyPr anchor="b"/>
          <a:lstStyle>
            <a:lvl1pPr algn="l" defTabSz="914400" rtl="0" eaLnBrk="1" latinLnBrk="0" hangingPunct="1">
              <a:lnSpc>
                <a:spcPct val="90000"/>
              </a:lnSpc>
              <a:spcBef>
                <a:spcPct val="0"/>
              </a:spcBef>
              <a:buNone/>
              <a:defRPr sz="2200" b="1" kern="1200">
                <a:solidFill>
                  <a:schemeClr val="tx1"/>
                </a:solidFill>
                <a:latin typeface="+mn-lt"/>
                <a:ea typeface="+mj-ea"/>
                <a:cs typeface="+mj-cs"/>
              </a:defRPr>
            </a:lvl1pPr>
          </a:lstStyle>
          <a:p>
            <a:r>
              <a:rPr lang="en-US"/>
              <a:t>ANTITRUST ROULETTE</a:t>
            </a:r>
            <a:endParaRPr lang="en-IN"/>
          </a:p>
        </p:txBody>
      </p:sp>
      <p:sp>
        <p:nvSpPr>
          <p:cNvPr id="41" name="Rectangle 40">
            <a:extLst>
              <a:ext uri="{FF2B5EF4-FFF2-40B4-BE49-F238E27FC236}">
                <a16:creationId xmlns:a16="http://schemas.microsoft.com/office/drawing/2014/main" id="{3B557CB6-F09A-CCB8-E6D3-0D0D4BCCBC74}"/>
              </a:ext>
            </a:extLst>
          </p:cNvPr>
          <p:cNvSpPr/>
          <p:nvPr/>
        </p:nvSpPr>
        <p:spPr>
          <a:xfrm>
            <a:off x="0" y="5555848"/>
            <a:ext cx="12192000" cy="1302151"/>
          </a:xfrm>
          <a:prstGeom prst="rect">
            <a:avLst/>
          </a:prstGeom>
          <a:solidFill>
            <a:srgbClr val="0085BE"/>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cxnSp>
        <p:nvCxnSpPr>
          <p:cNvPr id="10" name="Straight Connector 9">
            <a:extLst>
              <a:ext uri="{FF2B5EF4-FFF2-40B4-BE49-F238E27FC236}">
                <a16:creationId xmlns:a16="http://schemas.microsoft.com/office/drawing/2014/main" id="{81AE5FC2-C90C-45F6-55F2-C503BD062496}"/>
              </a:ext>
            </a:extLst>
          </p:cNvPr>
          <p:cNvCxnSpPr/>
          <p:nvPr/>
        </p:nvCxnSpPr>
        <p:spPr>
          <a:xfrm>
            <a:off x="625303" y="882907"/>
            <a:ext cx="640080" cy="0"/>
          </a:xfrm>
          <a:prstGeom prst="line">
            <a:avLst/>
          </a:prstGeom>
          <a:ln w="28575">
            <a:solidFill>
              <a:srgbClr val="0574B0"/>
            </a:solidFill>
          </a:ln>
        </p:spPr>
        <p:style>
          <a:lnRef idx="1">
            <a:schemeClr val="accent1"/>
          </a:lnRef>
          <a:fillRef idx="0">
            <a:schemeClr val="accent1"/>
          </a:fillRef>
          <a:effectRef idx="0">
            <a:schemeClr val="accent1"/>
          </a:effectRef>
          <a:fontRef idx="minor">
            <a:schemeClr val="tx1"/>
          </a:fontRef>
        </p:style>
      </p:cxnSp>
      <p:sp>
        <p:nvSpPr>
          <p:cNvPr id="11" name="Slide Number Placeholder 5">
            <a:extLst>
              <a:ext uri="{FF2B5EF4-FFF2-40B4-BE49-F238E27FC236}">
                <a16:creationId xmlns:a16="http://schemas.microsoft.com/office/drawing/2014/main" id="{39E37F9F-7BA4-1BE1-159B-B40043664066}"/>
              </a:ext>
            </a:extLst>
          </p:cNvPr>
          <p:cNvSpPr txBox="1">
            <a:spLocks/>
          </p:cNvSpPr>
          <p:nvPr/>
        </p:nvSpPr>
        <p:spPr>
          <a:xfrm>
            <a:off x="9349506" y="6439476"/>
            <a:ext cx="2743200" cy="365125"/>
          </a:xfrm>
          <a:prstGeom prst="rect">
            <a:avLst/>
          </a:prstGeom>
        </p:spPr>
        <p:txBody>
          <a:bodyPr vert="horz" lIns="91440" tIns="45720" rIns="91440" bIns="45720" rtlCol="0" anchor="ctr"/>
          <a:lstStyle>
            <a:defPPr>
              <a:defRPr lang="en-US"/>
            </a:defPPr>
            <a:lvl1pPr marL="0" algn="r" defTabSz="914400" rtl="0" eaLnBrk="1" latinLnBrk="0" hangingPunct="1">
              <a:defRPr sz="1200" kern="1200">
                <a:solidFill>
                  <a:schemeClr val="tx1">
                    <a:tint val="75000"/>
                  </a:schemeClr>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77068464-4C8E-431E-87E4-567733A7CD2F}" type="slidenum">
              <a:rPr lang="en-IN" sz="1000" smtClean="0">
                <a:solidFill>
                  <a:schemeClr val="bg1"/>
                </a:solidFill>
              </a:rPr>
              <a:pPr/>
              <a:t>29</a:t>
            </a:fld>
            <a:endParaRPr lang="en-IN" sz="1000">
              <a:solidFill>
                <a:schemeClr val="bg1"/>
              </a:solidFill>
            </a:endParaRPr>
          </a:p>
        </p:txBody>
      </p:sp>
      <p:pic>
        <p:nvPicPr>
          <p:cNvPr id="2" name="Picture 1" descr="A screenshot of a video game&#10;&#10;Description automatically generated">
            <a:extLst>
              <a:ext uri="{FF2B5EF4-FFF2-40B4-BE49-F238E27FC236}">
                <a16:creationId xmlns:a16="http://schemas.microsoft.com/office/drawing/2014/main" id="{37A1D054-AF11-1570-8E7D-AA543C2C4F94}"/>
              </a:ext>
            </a:extLst>
          </p:cNvPr>
          <p:cNvPicPr>
            <a:picLocks noChangeAspect="1"/>
          </p:cNvPicPr>
          <p:nvPr/>
        </p:nvPicPr>
        <p:blipFill>
          <a:blip r:embed="rId2">
            <a:extLst>
              <a:ext uri="{28A0092B-C50C-407E-A947-70E740481C1C}">
                <a14:useLocalDpi xmlns:a14="http://schemas.microsoft.com/office/drawing/2010/main"/>
              </a:ext>
            </a:extLst>
          </a:blip>
          <a:stretch>
            <a:fillRect/>
          </a:stretch>
        </p:blipFill>
        <p:spPr>
          <a:xfrm>
            <a:off x="1651954" y="1340657"/>
            <a:ext cx="8888092" cy="4866266"/>
          </a:xfrm>
          <a:prstGeom prst="roundRect">
            <a:avLst>
              <a:gd name="adj" fmla="val 2930"/>
            </a:avLst>
          </a:prstGeom>
          <a:effectLst>
            <a:outerShdw blurRad="50800" dist="38100" dir="2700000" algn="tl" rotWithShape="0">
              <a:prstClr val="black">
                <a:alpha val="20000"/>
              </a:prstClr>
            </a:outerShdw>
          </a:effectLst>
        </p:spPr>
      </p:pic>
    </p:spTree>
    <p:extLst>
      <p:ext uri="{BB962C8B-B14F-4D97-AF65-F5344CB8AC3E}">
        <p14:creationId xmlns:p14="http://schemas.microsoft.com/office/powerpoint/2010/main" val="309548010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nodeType="withEffect">
                                  <p:stCondLst>
                                    <p:cond delay="0"/>
                                  </p:stCondLst>
                                  <p:childTnLst>
                                    <p:set>
                                      <p:cBhvr>
                                        <p:cTn id="6" dur="1" fill="hold">
                                          <p:stCondLst>
                                            <p:cond delay="0"/>
                                          </p:stCondLst>
                                        </p:cTn>
                                        <p:tgtEl>
                                          <p:spTgt spid="10"/>
                                        </p:tgtEl>
                                        <p:attrNameLst>
                                          <p:attrName>style.visibility</p:attrName>
                                        </p:attrNameLst>
                                      </p:cBhvr>
                                      <p:to>
                                        <p:strVal val="visible"/>
                                      </p:to>
                                    </p:set>
                                    <p:anim calcmode="lin" valueType="num">
                                      <p:cBhvr additive="base">
                                        <p:cTn id="7" dur="500" fill="hold"/>
                                        <p:tgtEl>
                                          <p:spTgt spid="10"/>
                                        </p:tgtEl>
                                        <p:attrNameLst>
                                          <p:attrName>ppt_x</p:attrName>
                                        </p:attrNameLst>
                                      </p:cBhvr>
                                      <p:tavLst>
                                        <p:tav tm="0">
                                          <p:val>
                                            <p:strVal val="0-#ppt_w/2"/>
                                          </p:val>
                                        </p:tav>
                                        <p:tav tm="100000">
                                          <p:val>
                                            <p:strVal val="#ppt_x"/>
                                          </p:val>
                                        </p:tav>
                                      </p:tavLst>
                                    </p:anim>
                                    <p:anim calcmode="lin" valueType="num">
                                      <p:cBhvr additive="base">
                                        <p:cTn id="8" dur="500" fill="hold"/>
                                        <p:tgtEl>
                                          <p:spTgt spid="10"/>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F93C546-B1CC-9472-FABD-D8B4D73833C4}"/>
              </a:ext>
            </a:extLst>
          </p:cNvPr>
          <p:cNvSpPr>
            <a:spLocks noGrp="1"/>
          </p:cNvSpPr>
          <p:nvPr>
            <p:ph type="title"/>
          </p:nvPr>
        </p:nvSpPr>
        <p:spPr/>
        <p:txBody>
          <a:bodyPr/>
          <a:lstStyle/>
          <a:p>
            <a:r>
              <a:rPr lang="en-US"/>
              <a:t>LEARNING SERVICES CLIENTS</a:t>
            </a:r>
            <a:endParaRPr lang="en-IN"/>
          </a:p>
        </p:txBody>
      </p:sp>
      <p:grpSp>
        <p:nvGrpSpPr>
          <p:cNvPr id="3" name="Group 2">
            <a:extLst>
              <a:ext uri="{FF2B5EF4-FFF2-40B4-BE49-F238E27FC236}">
                <a16:creationId xmlns:a16="http://schemas.microsoft.com/office/drawing/2014/main" id="{128E5C1A-A31F-850F-0D3B-4FAF787D5BB1}"/>
              </a:ext>
            </a:extLst>
          </p:cNvPr>
          <p:cNvGrpSpPr/>
          <p:nvPr/>
        </p:nvGrpSpPr>
        <p:grpSpPr>
          <a:xfrm>
            <a:off x="675279" y="4688915"/>
            <a:ext cx="11097124" cy="459727"/>
            <a:chOff x="675279" y="5069600"/>
            <a:chExt cx="11097124" cy="459727"/>
          </a:xfrm>
        </p:grpSpPr>
        <p:sp>
          <p:nvSpPr>
            <p:cNvPr id="98" name="Rectangle 97">
              <a:extLst>
                <a:ext uri="{FF2B5EF4-FFF2-40B4-BE49-F238E27FC236}">
                  <a16:creationId xmlns:a16="http://schemas.microsoft.com/office/drawing/2014/main" id="{10A0D468-FE3F-3800-2261-B220376C6E4B}"/>
                </a:ext>
              </a:extLst>
            </p:cNvPr>
            <p:cNvSpPr/>
            <p:nvPr/>
          </p:nvSpPr>
          <p:spPr>
            <a:xfrm>
              <a:off x="675279" y="5069600"/>
              <a:ext cx="1590701" cy="459727"/>
            </a:xfrm>
            <a:prstGeom prst="rect">
              <a:avLst/>
            </a:prstGeom>
            <a:solidFill>
              <a:srgbClr val="045694"/>
            </a:solidFill>
            <a:ln w="3175">
              <a:solidFill>
                <a:srgbClr val="01597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100" i="0" u="none" strike="noStrike" kern="1200" cap="none" spc="0" normalizeH="0" baseline="0" noProof="0">
                  <a:ln>
                    <a:noFill/>
                  </a:ln>
                  <a:solidFill>
                    <a:prstClr val="white"/>
                  </a:solidFill>
                  <a:effectLst/>
                  <a:uLnTx/>
                  <a:uFillTx/>
                  <a:latin typeface="Roboto" panose="02000000000000000000" pitchFamily="2" charset="0"/>
                  <a:ea typeface="Roboto" panose="02000000000000000000" pitchFamily="2" charset="0"/>
                  <a:cs typeface="Roboto" panose="02000000000000000000" pitchFamily="2" charset="0"/>
                </a:rPr>
                <a:t>EdTech</a:t>
              </a:r>
            </a:p>
          </p:txBody>
        </p:sp>
        <p:sp>
          <p:nvSpPr>
            <p:cNvPr id="99" name="Rectangle 98">
              <a:extLst>
                <a:ext uri="{FF2B5EF4-FFF2-40B4-BE49-F238E27FC236}">
                  <a16:creationId xmlns:a16="http://schemas.microsoft.com/office/drawing/2014/main" id="{B1F50127-5A19-5780-9690-072264B94905}"/>
                </a:ext>
              </a:extLst>
            </p:cNvPr>
            <p:cNvSpPr/>
            <p:nvPr/>
          </p:nvSpPr>
          <p:spPr>
            <a:xfrm rot="16200000">
              <a:off x="6789077" y="544677"/>
              <a:ext cx="457079" cy="9509572"/>
            </a:xfrm>
            <a:prstGeom prst="rect">
              <a:avLst/>
            </a:prstGeom>
            <a:solidFill>
              <a:schemeClr val="bg1"/>
            </a:solidFill>
            <a:ln w="3175">
              <a:solidFill>
                <a:schemeClr val="bg1">
                  <a:lumMod val="65000"/>
                </a:schemeClr>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100" b="0" i="0" u="none" strike="noStrike" kern="1200" cap="none" spc="0" normalizeH="0" baseline="0" noProof="0">
                <a:ln>
                  <a:noFill/>
                </a:ln>
                <a:solidFill>
                  <a:prstClr val="white"/>
                </a:solidFill>
                <a:effectLst/>
                <a:uLnTx/>
                <a:uFillTx/>
                <a:latin typeface="Roboto" panose="02000000000000000000" pitchFamily="2" charset="0"/>
                <a:ea typeface="Roboto" panose="02000000000000000000" pitchFamily="2" charset="0"/>
                <a:cs typeface="Roboto" panose="02000000000000000000" pitchFamily="2" charset="0"/>
              </a:endParaRPr>
            </a:p>
          </p:txBody>
        </p:sp>
        <p:pic>
          <p:nvPicPr>
            <p:cNvPr id="100" name="Picture 44">
              <a:extLst>
                <a:ext uri="{FF2B5EF4-FFF2-40B4-BE49-F238E27FC236}">
                  <a16:creationId xmlns:a16="http://schemas.microsoft.com/office/drawing/2014/main" id="{44809DF0-0EBD-7663-44BA-6207A6644F32}"/>
                </a:ext>
              </a:extLst>
            </p:cNvPr>
            <p:cNvPicPr>
              <a:picLocks noChangeAspect="1" noChangeArrowheads="1"/>
            </p:cNvPicPr>
            <p:nvPr/>
          </p:nvPicPr>
          <p:blipFill>
            <a:blip r:embed="rId2" cstate="screen">
              <a:extLst>
                <a:ext uri="{28A0092B-C50C-407E-A947-70E740481C1C}">
                  <a14:useLocalDpi xmlns:a14="http://schemas.microsoft.com/office/drawing/2010/main"/>
                </a:ext>
              </a:extLst>
            </a:blip>
            <a:srcRect/>
            <a:stretch/>
          </p:blipFill>
          <p:spPr bwMode="auto">
            <a:xfrm>
              <a:off x="2526687" y="5146189"/>
              <a:ext cx="1105768" cy="306549"/>
            </a:xfrm>
            <a:prstGeom prst="rect">
              <a:avLst/>
            </a:prstGeom>
            <a:noFill/>
          </p:spPr>
        </p:pic>
        <p:pic>
          <p:nvPicPr>
            <p:cNvPr id="101" name="Picture 36" descr="https://upload.wikimedia.org/wikipedia/commons/d/da/Carnegie_Learning_logo_2014.png">
              <a:extLst>
                <a:ext uri="{FF2B5EF4-FFF2-40B4-BE49-F238E27FC236}">
                  <a16:creationId xmlns:a16="http://schemas.microsoft.com/office/drawing/2014/main" id="{3353B8D8-3501-2C56-69FE-6C37A58BECBB}"/>
                </a:ext>
              </a:extLst>
            </p:cNvPr>
            <p:cNvPicPr>
              <a:picLocks noChangeAspect="1" noChangeArrowheads="1"/>
            </p:cNvPicPr>
            <p:nvPr/>
          </p:nvPicPr>
          <p:blipFill>
            <a:blip r:embed="rId3" cstate="screen">
              <a:extLst>
                <a:ext uri="{28A0092B-C50C-407E-A947-70E740481C1C}">
                  <a14:useLocalDpi xmlns:a14="http://schemas.microsoft.com/office/drawing/2010/main"/>
                </a:ext>
              </a:extLst>
            </a:blip>
            <a:stretch>
              <a:fillRect/>
            </a:stretch>
          </p:blipFill>
          <p:spPr bwMode="auto">
            <a:xfrm>
              <a:off x="3893162" y="5149428"/>
              <a:ext cx="1647351" cy="300071"/>
            </a:xfrm>
            <a:prstGeom prst="rect">
              <a:avLst/>
            </a:prstGeom>
          </p:spPr>
        </p:pic>
        <p:pic>
          <p:nvPicPr>
            <p:cNvPr id="102" name="Picture 20" descr="http://www.southernsavers.com/wp-content/uploads/2011/01/logo.png">
              <a:extLst>
                <a:ext uri="{FF2B5EF4-FFF2-40B4-BE49-F238E27FC236}">
                  <a16:creationId xmlns:a16="http://schemas.microsoft.com/office/drawing/2014/main" id="{2612A23E-16D2-BFE5-0742-E24807AECD28}"/>
                </a:ext>
              </a:extLst>
            </p:cNvPr>
            <p:cNvPicPr>
              <a:picLocks noChangeAspect="1" noChangeArrowheads="1"/>
            </p:cNvPicPr>
            <p:nvPr/>
          </p:nvPicPr>
          <p:blipFill>
            <a:blip r:embed="rId4" cstate="screen">
              <a:extLst>
                <a:ext uri="{28A0092B-C50C-407E-A947-70E740481C1C}">
                  <a14:useLocalDpi xmlns:a14="http://schemas.microsoft.com/office/drawing/2010/main"/>
                </a:ext>
              </a:extLst>
            </a:blip>
            <a:srcRect/>
            <a:stretch>
              <a:fillRect/>
            </a:stretch>
          </p:blipFill>
          <p:spPr bwMode="auto">
            <a:xfrm>
              <a:off x="7431216" y="5126636"/>
              <a:ext cx="777885" cy="345655"/>
            </a:xfrm>
            <a:prstGeom prst="rect">
              <a:avLst/>
            </a:prstGeom>
            <a:noFill/>
          </p:spPr>
        </p:pic>
        <p:pic>
          <p:nvPicPr>
            <p:cNvPr id="103" name="Picture 40" descr="http://branding.skillsoft.com/Assets/Skillsoft_Logo_color.jpg">
              <a:extLst>
                <a:ext uri="{FF2B5EF4-FFF2-40B4-BE49-F238E27FC236}">
                  <a16:creationId xmlns:a16="http://schemas.microsoft.com/office/drawing/2014/main" id="{ACE4BDB6-91C2-DCD8-238C-D763FA272EE7}"/>
                </a:ext>
              </a:extLst>
            </p:cNvPr>
            <p:cNvPicPr>
              <a:picLocks noChangeAspect="1" noChangeArrowheads="1"/>
            </p:cNvPicPr>
            <p:nvPr/>
          </p:nvPicPr>
          <p:blipFill>
            <a:blip r:embed="rId5" cstate="screen">
              <a:extLst>
                <a:ext uri="{28A0092B-C50C-407E-A947-70E740481C1C}">
                  <a14:useLocalDpi xmlns:a14="http://schemas.microsoft.com/office/drawing/2010/main"/>
                </a:ext>
              </a:extLst>
            </a:blip>
            <a:srcRect/>
            <a:stretch>
              <a:fillRect/>
            </a:stretch>
          </p:blipFill>
          <p:spPr bwMode="auto">
            <a:xfrm>
              <a:off x="8769061" y="5142347"/>
              <a:ext cx="856940" cy="314232"/>
            </a:xfrm>
            <a:prstGeom prst="rect">
              <a:avLst/>
            </a:prstGeom>
            <a:noFill/>
          </p:spPr>
        </p:pic>
        <p:pic>
          <p:nvPicPr>
            <p:cNvPr id="104" name="Picture 16" descr="https://upload.wikimedia.org/wikipedia/en/9/91/Harvard_Business_Publishing.png">
              <a:extLst>
                <a:ext uri="{FF2B5EF4-FFF2-40B4-BE49-F238E27FC236}">
                  <a16:creationId xmlns:a16="http://schemas.microsoft.com/office/drawing/2014/main" id="{4A2256BC-6DAE-6B2F-E403-1A0D30CBD5B9}"/>
                </a:ext>
              </a:extLst>
            </p:cNvPr>
            <p:cNvPicPr>
              <a:picLocks noChangeAspect="1" noChangeArrowheads="1"/>
            </p:cNvPicPr>
            <p:nvPr/>
          </p:nvPicPr>
          <p:blipFill>
            <a:blip r:embed="rId6" cstate="screen">
              <a:extLst>
                <a:ext uri="{28A0092B-C50C-407E-A947-70E740481C1C}">
                  <a14:useLocalDpi xmlns:a14="http://schemas.microsoft.com/office/drawing/2010/main"/>
                </a:ext>
              </a:extLst>
            </a:blip>
            <a:srcRect/>
            <a:stretch>
              <a:fillRect/>
            </a:stretch>
          </p:blipFill>
          <p:spPr bwMode="auto">
            <a:xfrm>
              <a:off x="6045192" y="5076505"/>
              <a:ext cx="855715" cy="445916"/>
            </a:xfrm>
            <a:prstGeom prst="rect">
              <a:avLst/>
            </a:prstGeom>
            <a:noFill/>
          </p:spPr>
        </p:pic>
        <p:pic>
          <p:nvPicPr>
            <p:cNvPr id="105" name="Picture 2" descr="http://static1.squarespace.com/static/547645c9e4b0c04999d906b4/547a1e73e4b0674c74cd406f/547a1e74e4b067a185eb34c0/1417289333164/Junior-achievement-logo.png">
              <a:extLst>
                <a:ext uri="{FF2B5EF4-FFF2-40B4-BE49-F238E27FC236}">
                  <a16:creationId xmlns:a16="http://schemas.microsoft.com/office/drawing/2014/main" id="{168E3EA5-D39C-B408-98AB-2D18FF32228D}"/>
                </a:ext>
              </a:extLst>
            </p:cNvPr>
            <p:cNvPicPr>
              <a:picLocks noChangeAspect="1" noChangeArrowheads="1"/>
            </p:cNvPicPr>
            <p:nvPr/>
          </p:nvPicPr>
          <p:blipFill>
            <a:blip r:embed="rId7" cstate="screen">
              <a:extLst>
                <a:ext uri="{28A0092B-C50C-407E-A947-70E740481C1C}">
                  <a14:useLocalDpi xmlns:a14="http://schemas.microsoft.com/office/drawing/2010/main"/>
                </a:ext>
              </a:extLst>
            </a:blip>
            <a:srcRect/>
            <a:stretch>
              <a:fillRect/>
            </a:stretch>
          </p:blipFill>
          <p:spPr bwMode="auto">
            <a:xfrm>
              <a:off x="10138825" y="5107693"/>
              <a:ext cx="651419" cy="383541"/>
            </a:xfrm>
            <a:prstGeom prst="rect">
              <a:avLst/>
            </a:prstGeom>
            <a:noFill/>
          </p:spPr>
        </p:pic>
      </p:grpSp>
      <p:sp>
        <p:nvSpPr>
          <p:cNvPr id="106" name="Rectangle 105">
            <a:extLst>
              <a:ext uri="{FF2B5EF4-FFF2-40B4-BE49-F238E27FC236}">
                <a16:creationId xmlns:a16="http://schemas.microsoft.com/office/drawing/2014/main" id="{CA279157-00AB-ECE0-78AC-059CA820DBA6}"/>
              </a:ext>
            </a:extLst>
          </p:cNvPr>
          <p:cNvSpPr/>
          <p:nvPr/>
        </p:nvSpPr>
        <p:spPr>
          <a:xfrm rot="16200000">
            <a:off x="6790901" y="1331585"/>
            <a:ext cx="459727" cy="9509568"/>
          </a:xfrm>
          <a:prstGeom prst="rect">
            <a:avLst/>
          </a:prstGeom>
          <a:solidFill>
            <a:schemeClr val="bg1"/>
          </a:solidFill>
          <a:ln w="3175">
            <a:solidFill>
              <a:schemeClr val="bg1">
                <a:lumMod val="65000"/>
              </a:schemeClr>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100" b="0" i="0" u="none" strike="noStrike" kern="1200" cap="none" spc="0" normalizeH="0" baseline="0" noProof="0">
              <a:ln>
                <a:noFill/>
              </a:ln>
              <a:solidFill>
                <a:prstClr val="white"/>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107" name="Rectangle 106">
            <a:extLst>
              <a:ext uri="{FF2B5EF4-FFF2-40B4-BE49-F238E27FC236}">
                <a16:creationId xmlns:a16="http://schemas.microsoft.com/office/drawing/2014/main" id="{62662AA9-1E63-C7A2-F548-CFFF1188F0BC}"/>
              </a:ext>
            </a:extLst>
          </p:cNvPr>
          <p:cNvSpPr/>
          <p:nvPr/>
        </p:nvSpPr>
        <p:spPr>
          <a:xfrm>
            <a:off x="675279" y="5856506"/>
            <a:ext cx="1590701" cy="459727"/>
          </a:xfrm>
          <a:prstGeom prst="rect">
            <a:avLst/>
          </a:prstGeom>
          <a:solidFill>
            <a:srgbClr val="045694"/>
          </a:solidFill>
          <a:ln w="3175">
            <a:solidFill>
              <a:srgbClr val="01597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100" i="0" u="none" strike="noStrike" kern="1200" cap="none" spc="0" normalizeH="0" baseline="0" noProof="0">
                <a:ln>
                  <a:noFill/>
                </a:ln>
                <a:solidFill>
                  <a:prstClr val="white"/>
                </a:solidFill>
                <a:effectLst/>
                <a:uLnTx/>
                <a:uFillTx/>
                <a:latin typeface="Roboto" panose="02000000000000000000" pitchFamily="2" charset="0"/>
                <a:ea typeface="Roboto" panose="02000000000000000000" pitchFamily="2" charset="0"/>
                <a:cs typeface="Roboto" panose="02000000000000000000" pitchFamily="2" charset="0"/>
              </a:rPr>
              <a:t>Non-profit Organizations</a:t>
            </a:r>
          </a:p>
        </p:txBody>
      </p:sp>
      <p:grpSp>
        <p:nvGrpSpPr>
          <p:cNvPr id="108" name="Group 107">
            <a:extLst>
              <a:ext uri="{FF2B5EF4-FFF2-40B4-BE49-F238E27FC236}">
                <a16:creationId xmlns:a16="http://schemas.microsoft.com/office/drawing/2014/main" id="{7265328A-EEC6-9D64-46F0-747BA6FD64F1}"/>
              </a:ext>
            </a:extLst>
          </p:cNvPr>
          <p:cNvGrpSpPr/>
          <p:nvPr/>
        </p:nvGrpSpPr>
        <p:grpSpPr>
          <a:xfrm>
            <a:off x="675279" y="5267630"/>
            <a:ext cx="11100270" cy="459728"/>
            <a:chOff x="675279" y="5611868"/>
            <a:chExt cx="11100270" cy="459728"/>
          </a:xfrm>
        </p:grpSpPr>
        <p:sp>
          <p:nvSpPr>
            <p:cNvPr id="109" name="Rectangle 108">
              <a:extLst>
                <a:ext uri="{FF2B5EF4-FFF2-40B4-BE49-F238E27FC236}">
                  <a16:creationId xmlns:a16="http://schemas.microsoft.com/office/drawing/2014/main" id="{3C41BFAD-997A-D7E0-3DDD-F475861BCD36}"/>
                </a:ext>
              </a:extLst>
            </p:cNvPr>
            <p:cNvSpPr/>
            <p:nvPr/>
          </p:nvSpPr>
          <p:spPr>
            <a:xfrm rot="16200000">
              <a:off x="6790901" y="1086948"/>
              <a:ext cx="459727" cy="9509568"/>
            </a:xfrm>
            <a:prstGeom prst="rect">
              <a:avLst/>
            </a:prstGeom>
            <a:solidFill>
              <a:schemeClr val="bg1"/>
            </a:solidFill>
            <a:ln w="3175">
              <a:solidFill>
                <a:schemeClr val="bg1">
                  <a:lumMod val="65000"/>
                </a:schemeClr>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100" b="0" i="0" u="none" strike="noStrike" kern="1200" cap="none" spc="0" normalizeH="0" baseline="0" noProof="0">
                <a:ln>
                  <a:noFill/>
                </a:ln>
                <a:solidFill>
                  <a:prstClr val="white"/>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110" name="Rectangle 109">
              <a:extLst>
                <a:ext uri="{FF2B5EF4-FFF2-40B4-BE49-F238E27FC236}">
                  <a16:creationId xmlns:a16="http://schemas.microsoft.com/office/drawing/2014/main" id="{97021FEF-3420-77CE-E946-B670BE8F7C80}"/>
                </a:ext>
              </a:extLst>
            </p:cNvPr>
            <p:cNvSpPr/>
            <p:nvPr/>
          </p:nvSpPr>
          <p:spPr>
            <a:xfrm>
              <a:off x="675279" y="5611869"/>
              <a:ext cx="1590701" cy="459727"/>
            </a:xfrm>
            <a:prstGeom prst="rect">
              <a:avLst/>
            </a:prstGeom>
            <a:solidFill>
              <a:srgbClr val="045694"/>
            </a:solidFill>
            <a:ln w="3175">
              <a:solidFill>
                <a:srgbClr val="01597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100" i="0" u="none" strike="noStrike" kern="1200" cap="none" spc="0" normalizeH="0" baseline="0" noProof="0">
                  <a:ln>
                    <a:noFill/>
                  </a:ln>
                  <a:solidFill>
                    <a:prstClr val="white"/>
                  </a:solidFill>
                  <a:effectLst/>
                  <a:uLnTx/>
                  <a:uFillTx/>
                  <a:latin typeface="Roboto" panose="02000000000000000000" pitchFamily="2" charset="0"/>
                  <a:ea typeface="Roboto" panose="02000000000000000000" pitchFamily="2" charset="0"/>
                  <a:cs typeface="Roboto" panose="02000000000000000000" pitchFamily="2" charset="0"/>
                </a:rPr>
                <a:t>Publishing</a:t>
              </a:r>
            </a:p>
          </p:txBody>
        </p:sp>
        <p:pic>
          <p:nvPicPr>
            <p:cNvPr id="111" name="Picture 26">
              <a:extLst>
                <a:ext uri="{FF2B5EF4-FFF2-40B4-BE49-F238E27FC236}">
                  <a16:creationId xmlns:a16="http://schemas.microsoft.com/office/drawing/2014/main" id="{FDAF4560-D236-7472-B7F5-B6D650584B8C}"/>
                </a:ext>
              </a:extLst>
            </p:cNvPr>
            <p:cNvPicPr preferRelativeResize="0">
              <a:picLocks noChangeAspect="1" noChangeArrowheads="1"/>
            </p:cNvPicPr>
            <p:nvPr/>
          </p:nvPicPr>
          <p:blipFill>
            <a:blip r:embed="rId8"/>
            <a:srcRect/>
            <a:stretch>
              <a:fillRect/>
            </a:stretch>
          </p:blipFill>
          <p:spPr bwMode="auto">
            <a:xfrm>
              <a:off x="8224042" y="5644696"/>
              <a:ext cx="268949" cy="394072"/>
            </a:xfrm>
            <a:prstGeom prst="rect">
              <a:avLst/>
            </a:prstGeom>
            <a:noFill/>
            <a:ln w="9525">
              <a:noFill/>
              <a:miter lim="800000"/>
              <a:headEnd/>
              <a:tailEnd/>
            </a:ln>
          </p:spPr>
        </p:pic>
        <p:pic>
          <p:nvPicPr>
            <p:cNvPr id="112" name="Picture 28">
              <a:extLst>
                <a:ext uri="{FF2B5EF4-FFF2-40B4-BE49-F238E27FC236}">
                  <a16:creationId xmlns:a16="http://schemas.microsoft.com/office/drawing/2014/main" id="{46F681FB-86DF-6DAD-CE8E-DDE3E830BD32}"/>
                </a:ext>
              </a:extLst>
            </p:cNvPr>
            <p:cNvPicPr preferRelativeResize="0">
              <a:picLocks noChangeAspect="1" noChangeArrowheads="1"/>
            </p:cNvPicPr>
            <p:nvPr/>
          </p:nvPicPr>
          <p:blipFill>
            <a:blip r:embed="rId9" cstate="screen">
              <a:extLst>
                <a:ext uri="{28A0092B-C50C-407E-A947-70E740481C1C}">
                  <a14:useLocalDpi xmlns:a14="http://schemas.microsoft.com/office/drawing/2010/main"/>
                </a:ext>
              </a:extLst>
            </a:blip>
            <a:srcRect/>
            <a:stretch>
              <a:fillRect/>
            </a:stretch>
          </p:blipFill>
          <p:spPr bwMode="auto">
            <a:xfrm>
              <a:off x="2815859" y="5648871"/>
              <a:ext cx="367941" cy="385723"/>
            </a:xfrm>
            <a:prstGeom prst="rect">
              <a:avLst/>
            </a:prstGeom>
            <a:noFill/>
            <a:ln w="9525">
              <a:noFill/>
              <a:miter lim="800000"/>
              <a:headEnd/>
              <a:tailEnd/>
            </a:ln>
          </p:spPr>
        </p:pic>
        <p:pic>
          <p:nvPicPr>
            <p:cNvPr id="113" name="Picture 29">
              <a:extLst>
                <a:ext uri="{FF2B5EF4-FFF2-40B4-BE49-F238E27FC236}">
                  <a16:creationId xmlns:a16="http://schemas.microsoft.com/office/drawing/2014/main" id="{3C9C043D-480D-16FF-2D08-B735B3DBC78F}"/>
                </a:ext>
              </a:extLst>
            </p:cNvPr>
            <p:cNvPicPr>
              <a:picLocks noChangeAspect="1" noChangeArrowheads="1"/>
            </p:cNvPicPr>
            <p:nvPr/>
          </p:nvPicPr>
          <p:blipFill>
            <a:blip r:embed="rId10"/>
            <a:srcRect/>
            <a:stretch>
              <a:fillRect/>
            </a:stretch>
          </p:blipFill>
          <p:spPr bwMode="auto">
            <a:xfrm>
              <a:off x="6774285" y="5643189"/>
              <a:ext cx="952083" cy="397087"/>
            </a:xfrm>
            <a:prstGeom prst="rect">
              <a:avLst/>
            </a:prstGeom>
            <a:noFill/>
            <a:ln w="9525">
              <a:noFill/>
              <a:miter lim="800000"/>
              <a:headEnd/>
              <a:tailEnd/>
            </a:ln>
          </p:spPr>
        </p:pic>
        <p:pic>
          <p:nvPicPr>
            <p:cNvPr id="114" name="Picture 33">
              <a:extLst>
                <a:ext uri="{FF2B5EF4-FFF2-40B4-BE49-F238E27FC236}">
                  <a16:creationId xmlns:a16="http://schemas.microsoft.com/office/drawing/2014/main" id="{3A3E9DBA-8450-AACE-8E32-CA00D060D605}"/>
                </a:ext>
              </a:extLst>
            </p:cNvPr>
            <p:cNvPicPr>
              <a:picLocks noChangeAspect="1" noChangeArrowheads="1"/>
            </p:cNvPicPr>
            <p:nvPr/>
          </p:nvPicPr>
          <p:blipFill>
            <a:blip r:embed="rId11" cstate="screen">
              <a:extLst>
                <a:ext uri="{28A0092B-C50C-407E-A947-70E740481C1C}">
                  <a14:useLocalDpi xmlns:a14="http://schemas.microsoft.com/office/drawing/2010/main"/>
                </a:ext>
              </a:extLst>
            </a:blip>
            <a:srcRect/>
            <a:stretch>
              <a:fillRect/>
            </a:stretch>
          </p:blipFill>
          <p:spPr bwMode="auto">
            <a:xfrm>
              <a:off x="5453094" y="5735793"/>
              <a:ext cx="819724" cy="211878"/>
            </a:xfrm>
            <a:prstGeom prst="rect">
              <a:avLst/>
            </a:prstGeom>
            <a:noFill/>
            <a:ln w="9525">
              <a:noFill/>
              <a:miter lim="800000"/>
              <a:headEnd/>
              <a:tailEnd/>
            </a:ln>
          </p:spPr>
        </p:pic>
        <p:pic>
          <p:nvPicPr>
            <p:cNvPr id="115" name="Picture 114" descr="Graphical user interface&#10;&#10;Description automatically generated with medium confidence">
              <a:extLst>
                <a:ext uri="{FF2B5EF4-FFF2-40B4-BE49-F238E27FC236}">
                  <a16:creationId xmlns:a16="http://schemas.microsoft.com/office/drawing/2014/main" id="{61FD705B-CE16-89F2-FC1A-E0FDC35CF204}"/>
                </a:ext>
              </a:extLst>
            </p:cNvPr>
            <p:cNvPicPr>
              <a:picLocks noChangeAspect="1"/>
            </p:cNvPicPr>
            <p:nvPr/>
          </p:nvPicPr>
          <p:blipFill rotWithShape="1">
            <a:blip r:embed="rId12" cstate="screen">
              <a:extLst>
                <a:ext uri="{28A0092B-C50C-407E-A947-70E740481C1C}">
                  <a14:useLocalDpi xmlns:a14="http://schemas.microsoft.com/office/drawing/2010/main"/>
                </a:ext>
              </a:extLst>
            </a:blip>
            <a:srcRect/>
            <a:stretch/>
          </p:blipFill>
          <p:spPr>
            <a:xfrm>
              <a:off x="10281027" y="5666049"/>
              <a:ext cx="983987" cy="351366"/>
            </a:xfrm>
            <a:prstGeom prst="rect">
              <a:avLst/>
            </a:prstGeom>
          </p:spPr>
        </p:pic>
        <p:pic>
          <p:nvPicPr>
            <p:cNvPr id="116" name="Picture 115" descr="A picture containing logo&#10;&#10;Description automatically generated">
              <a:extLst>
                <a:ext uri="{FF2B5EF4-FFF2-40B4-BE49-F238E27FC236}">
                  <a16:creationId xmlns:a16="http://schemas.microsoft.com/office/drawing/2014/main" id="{6CEBC43D-A9E5-55F6-6B3B-442E83C44FD5}"/>
                </a:ext>
              </a:extLst>
            </p:cNvPr>
            <p:cNvPicPr>
              <a:picLocks noChangeAspect="1"/>
            </p:cNvPicPr>
            <p:nvPr/>
          </p:nvPicPr>
          <p:blipFill>
            <a:blip r:embed="rId13" cstate="screen">
              <a:extLst>
                <a:ext uri="{28A0092B-C50C-407E-A947-70E740481C1C}">
                  <a14:useLocalDpi xmlns:a14="http://schemas.microsoft.com/office/drawing/2010/main"/>
                </a:ext>
              </a:extLst>
            </a:blip>
            <a:stretch>
              <a:fillRect/>
            </a:stretch>
          </p:blipFill>
          <p:spPr>
            <a:xfrm>
              <a:off x="9055497" y="5615115"/>
              <a:ext cx="555435" cy="453235"/>
            </a:xfrm>
            <a:prstGeom prst="rect">
              <a:avLst/>
            </a:prstGeom>
          </p:spPr>
        </p:pic>
        <p:pic>
          <p:nvPicPr>
            <p:cNvPr id="117" name="Picture 116" descr="Graphical user interface, text, application&#10;&#10;Description automatically generated">
              <a:extLst>
                <a:ext uri="{FF2B5EF4-FFF2-40B4-BE49-F238E27FC236}">
                  <a16:creationId xmlns:a16="http://schemas.microsoft.com/office/drawing/2014/main" id="{A5F934A4-CDAC-DE5A-6038-47B1136496F7}"/>
                </a:ext>
              </a:extLst>
            </p:cNvPr>
            <p:cNvPicPr>
              <a:picLocks noChangeAspect="1"/>
            </p:cNvPicPr>
            <p:nvPr/>
          </p:nvPicPr>
          <p:blipFill rotWithShape="1">
            <a:blip r:embed="rId14" cstate="screen">
              <a:extLst>
                <a:ext uri="{28A0092B-C50C-407E-A947-70E740481C1C}">
                  <a14:useLocalDpi xmlns:a14="http://schemas.microsoft.com/office/drawing/2010/main"/>
                </a:ext>
              </a:extLst>
            </a:blip>
            <a:srcRect/>
            <a:stretch/>
          </p:blipFill>
          <p:spPr>
            <a:xfrm>
              <a:off x="3867270" y="5662682"/>
              <a:ext cx="983987" cy="358100"/>
            </a:xfrm>
            <a:prstGeom prst="rect">
              <a:avLst/>
            </a:prstGeom>
          </p:spPr>
        </p:pic>
      </p:grpSp>
      <p:grpSp>
        <p:nvGrpSpPr>
          <p:cNvPr id="118" name="Group 117">
            <a:extLst>
              <a:ext uri="{FF2B5EF4-FFF2-40B4-BE49-F238E27FC236}">
                <a16:creationId xmlns:a16="http://schemas.microsoft.com/office/drawing/2014/main" id="{DB35B3A9-0AC4-CABE-A18F-8386D4CE5160}"/>
              </a:ext>
            </a:extLst>
          </p:cNvPr>
          <p:cNvGrpSpPr/>
          <p:nvPr/>
        </p:nvGrpSpPr>
        <p:grpSpPr>
          <a:xfrm>
            <a:off x="675279" y="1245483"/>
            <a:ext cx="11100270" cy="459728"/>
            <a:chOff x="675279" y="1042283"/>
            <a:chExt cx="11100270" cy="459728"/>
          </a:xfrm>
        </p:grpSpPr>
        <p:sp>
          <p:nvSpPr>
            <p:cNvPr id="119" name="Rectangle 118">
              <a:extLst>
                <a:ext uri="{FF2B5EF4-FFF2-40B4-BE49-F238E27FC236}">
                  <a16:creationId xmlns:a16="http://schemas.microsoft.com/office/drawing/2014/main" id="{D46B03F1-6A55-2F90-95CD-514B28E68F95}"/>
                </a:ext>
              </a:extLst>
            </p:cNvPr>
            <p:cNvSpPr/>
            <p:nvPr/>
          </p:nvSpPr>
          <p:spPr>
            <a:xfrm>
              <a:off x="675279" y="1042283"/>
              <a:ext cx="1590701" cy="459727"/>
            </a:xfrm>
            <a:prstGeom prst="rect">
              <a:avLst/>
            </a:prstGeom>
            <a:solidFill>
              <a:srgbClr val="045694"/>
            </a:solidFill>
            <a:ln w="3175">
              <a:solidFill>
                <a:srgbClr val="01597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100" i="0" u="none" strike="noStrike" kern="1200" cap="none" spc="0" normalizeH="0" baseline="0" noProof="0">
                  <a:ln>
                    <a:noFill/>
                  </a:ln>
                  <a:solidFill>
                    <a:prstClr val="white"/>
                  </a:solidFill>
                  <a:effectLst/>
                  <a:uLnTx/>
                  <a:uFillTx/>
                  <a:latin typeface="Roboto" panose="02000000000000000000" pitchFamily="2" charset="0"/>
                  <a:ea typeface="Roboto" panose="02000000000000000000" pitchFamily="2" charset="0"/>
                  <a:cs typeface="Roboto" panose="02000000000000000000" pitchFamily="2" charset="0"/>
                </a:rPr>
                <a:t>Healthcare and Pharmaceutical</a:t>
              </a:r>
            </a:p>
          </p:txBody>
        </p:sp>
        <p:sp>
          <p:nvSpPr>
            <p:cNvPr id="120" name="Rectangle 119">
              <a:extLst>
                <a:ext uri="{FF2B5EF4-FFF2-40B4-BE49-F238E27FC236}">
                  <a16:creationId xmlns:a16="http://schemas.microsoft.com/office/drawing/2014/main" id="{AA071470-6817-C02C-943A-BBE819E7FC74}"/>
                </a:ext>
              </a:extLst>
            </p:cNvPr>
            <p:cNvSpPr/>
            <p:nvPr/>
          </p:nvSpPr>
          <p:spPr>
            <a:xfrm rot="16200000">
              <a:off x="6790901" y="-3482636"/>
              <a:ext cx="459727" cy="9509568"/>
            </a:xfrm>
            <a:prstGeom prst="rect">
              <a:avLst/>
            </a:prstGeom>
            <a:solidFill>
              <a:schemeClr val="bg1"/>
            </a:solidFill>
            <a:ln w="3175">
              <a:solidFill>
                <a:schemeClr val="bg1">
                  <a:lumMod val="65000"/>
                </a:schemeClr>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100" b="0" i="0" u="none" strike="noStrike" kern="1200" cap="none" spc="0" normalizeH="0" baseline="0" noProof="0">
                <a:ln>
                  <a:noFill/>
                </a:ln>
                <a:solidFill>
                  <a:prstClr val="white"/>
                </a:solidFill>
                <a:effectLst/>
                <a:uLnTx/>
                <a:uFillTx/>
                <a:latin typeface="Roboto" panose="02000000000000000000" pitchFamily="2" charset="0"/>
                <a:ea typeface="Roboto" panose="02000000000000000000" pitchFamily="2" charset="0"/>
                <a:cs typeface="Roboto" panose="02000000000000000000" pitchFamily="2" charset="0"/>
              </a:endParaRPr>
            </a:p>
          </p:txBody>
        </p:sp>
        <p:pic>
          <p:nvPicPr>
            <p:cNvPr id="121" name="Picture 6" descr="C:\Users\deepika.patel\AppData\Local\Temp\Centered-legal-blk-blu.gif">
              <a:extLst>
                <a:ext uri="{FF2B5EF4-FFF2-40B4-BE49-F238E27FC236}">
                  <a16:creationId xmlns:a16="http://schemas.microsoft.com/office/drawing/2014/main" id="{AA93828B-DB1F-C4EC-5EBA-206794B996F3}"/>
                </a:ext>
              </a:extLst>
            </p:cNvPr>
            <p:cNvPicPr>
              <a:picLocks noChangeAspect="1" noChangeArrowheads="1"/>
            </p:cNvPicPr>
            <p:nvPr/>
          </p:nvPicPr>
          <p:blipFill>
            <a:blip r:embed="rId15" cstate="screen">
              <a:extLst>
                <a:ext uri="{28A0092B-C50C-407E-A947-70E740481C1C}">
                  <a14:useLocalDpi xmlns:a14="http://schemas.microsoft.com/office/drawing/2010/main"/>
                </a:ext>
              </a:extLst>
            </a:blip>
            <a:srcRect l="4819" t="6944" r="5010" b="13060"/>
            <a:stretch>
              <a:fillRect/>
            </a:stretch>
          </p:blipFill>
          <p:spPr bwMode="auto">
            <a:xfrm>
              <a:off x="6925582" y="1096456"/>
              <a:ext cx="753847" cy="342434"/>
            </a:xfrm>
            <a:prstGeom prst="rect">
              <a:avLst/>
            </a:prstGeom>
            <a:noFill/>
          </p:spPr>
        </p:pic>
        <p:pic>
          <p:nvPicPr>
            <p:cNvPr id="122" name="Picture 32" descr="http://lss2011.epfl.ch/images/pfizer_logo.jpg">
              <a:extLst>
                <a:ext uri="{FF2B5EF4-FFF2-40B4-BE49-F238E27FC236}">
                  <a16:creationId xmlns:a16="http://schemas.microsoft.com/office/drawing/2014/main" id="{CC2452AB-183C-EACA-A701-AE05EE172C06}"/>
                </a:ext>
              </a:extLst>
            </p:cNvPr>
            <p:cNvPicPr>
              <a:picLocks noChangeAspect="1" noChangeArrowheads="1"/>
            </p:cNvPicPr>
            <p:nvPr/>
          </p:nvPicPr>
          <p:blipFill>
            <a:blip r:embed="rId16" cstate="screen">
              <a:extLst>
                <a:ext uri="{28A0092B-C50C-407E-A947-70E740481C1C}">
                  <a14:useLocalDpi xmlns:a14="http://schemas.microsoft.com/office/drawing/2010/main"/>
                </a:ext>
              </a:extLst>
            </a:blip>
            <a:srcRect/>
            <a:stretch>
              <a:fillRect/>
            </a:stretch>
          </p:blipFill>
          <p:spPr bwMode="auto">
            <a:xfrm>
              <a:off x="10048977" y="1125081"/>
              <a:ext cx="537514" cy="308160"/>
            </a:xfrm>
            <a:prstGeom prst="rect">
              <a:avLst/>
            </a:prstGeom>
            <a:noFill/>
          </p:spPr>
        </p:pic>
        <p:pic>
          <p:nvPicPr>
            <p:cNvPr id="123" name="Picture 122">
              <a:extLst>
                <a:ext uri="{FF2B5EF4-FFF2-40B4-BE49-F238E27FC236}">
                  <a16:creationId xmlns:a16="http://schemas.microsoft.com/office/drawing/2014/main" id="{F8244923-942F-EEBF-7FDA-460A2F282BE3}"/>
                </a:ext>
              </a:extLst>
            </p:cNvPr>
            <p:cNvPicPr>
              <a:picLocks noChangeAspect="1"/>
            </p:cNvPicPr>
            <p:nvPr/>
          </p:nvPicPr>
          <p:blipFill>
            <a:blip r:embed="rId17">
              <a:extLst>
                <a:ext uri="{28A0092B-C50C-407E-A947-70E740481C1C}">
                  <a14:useLocalDpi xmlns:a14="http://schemas.microsoft.com/office/drawing/2010/main"/>
                </a:ext>
              </a:extLst>
            </a:blip>
            <a:stretch>
              <a:fillRect/>
            </a:stretch>
          </p:blipFill>
          <p:spPr>
            <a:xfrm>
              <a:off x="10965711" y="1093911"/>
              <a:ext cx="535289" cy="369979"/>
            </a:xfrm>
            <a:prstGeom prst="rect">
              <a:avLst/>
            </a:prstGeom>
          </p:spPr>
        </p:pic>
        <p:pic>
          <p:nvPicPr>
            <p:cNvPr id="124" name="Picture 123" descr="Screen Clipping">
              <a:extLst>
                <a:ext uri="{FF2B5EF4-FFF2-40B4-BE49-F238E27FC236}">
                  <a16:creationId xmlns:a16="http://schemas.microsoft.com/office/drawing/2014/main" id="{72C69650-A0CA-6A82-DC90-02C829067E8A}"/>
                </a:ext>
              </a:extLst>
            </p:cNvPr>
            <p:cNvPicPr>
              <a:picLocks noChangeAspect="1"/>
            </p:cNvPicPr>
            <p:nvPr/>
          </p:nvPicPr>
          <p:blipFill>
            <a:blip r:embed="rId18">
              <a:extLst>
                <a:ext uri="{28A0092B-C50C-407E-A947-70E740481C1C}">
                  <a14:useLocalDpi xmlns:a14="http://schemas.microsoft.com/office/drawing/2010/main"/>
                </a:ext>
              </a:extLst>
            </a:blip>
            <a:stretch>
              <a:fillRect/>
            </a:stretch>
          </p:blipFill>
          <p:spPr>
            <a:xfrm>
              <a:off x="5914731" y="1162200"/>
              <a:ext cx="803076" cy="267692"/>
            </a:xfrm>
            <a:prstGeom prst="rect">
              <a:avLst/>
            </a:prstGeom>
          </p:spPr>
        </p:pic>
        <p:pic>
          <p:nvPicPr>
            <p:cNvPr id="125" name="Picture 124" descr="A picture containing logo&#10;&#10;Description automatically generated">
              <a:extLst>
                <a:ext uri="{FF2B5EF4-FFF2-40B4-BE49-F238E27FC236}">
                  <a16:creationId xmlns:a16="http://schemas.microsoft.com/office/drawing/2014/main" id="{48DE75BC-B3AB-2226-F0E2-C50D27ED54B5}"/>
                </a:ext>
              </a:extLst>
            </p:cNvPr>
            <p:cNvPicPr>
              <a:picLocks noChangeAspect="1"/>
            </p:cNvPicPr>
            <p:nvPr/>
          </p:nvPicPr>
          <p:blipFill rotWithShape="1">
            <a:blip r:embed="rId19" cstate="screen">
              <a:extLst>
                <a:ext uri="{28A0092B-C50C-407E-A947-70E740481C1C}">
                  <a14:useLocalDpi xmlns:a14="http://schemas.microsoft.com/office/drawing/2010/main"/>
                </a:ext>
              </a:extLst>
            </a:blip>
            <a:srcRect/>
            <a:stretch/>
          </p:blipFill>
          <p:spPr>
            <a:xfrm>
              <a:off x="3760717" y="1081231"/>
              <a:ext cx="672077" cy="408623"/>
            </a:xfrm>
            <a:prstGeom prst="rect">
              <a:avLst/>
            </a:prstGeom>
          </p:spPr>
        </p:pic>
        <p:pic>
          <p:nvPicPr>
            <p:cNvPr id="126" name="Picture 125" descr="A picture containing text&#10;&#10;Description automatically generated">
              <a:extLst>
                <a:ext uri="{FF2B5EF4-FFF2-40B4-BE49-F238E27FC236}">
                  <a16:creationId xmlns:a16="http://schemas.microsoft.com/office/drawing/2014/main" id="{1639187D-CAA3-84B6-70AC-419A96331F1F}"/>
                </a:ext>
              </a:extLst>
            </p:cNvPr>
            <p:cNvPicPr>
              <a:picLocks noChangeAspect="1"/>
            </p:cNvPicPr>
            <p:nvPr/>
          </p:nvPicPr>
          <p:blipFill>
            <a:blip r:embed="rId20" cstate="screen">
              <a:extLst>
                <a:ext uri="{28A0092B-C50C-407E-A947-70E740481C1C}">
                  <a14:useLocalDpi xmlns:a14="http://schemas.microsoft.com/office/drawing/2010/main"/>
                </a:ext>
              </a:extLst>
            </a:blip>
            <a:stretch>
              <a:fillRect/>
            </a:stretch>
          </p:blipFill>
          <p:spPr>
            <a:xfrm>
              <a:off x="4659223" y="1192142"/>
              <a:ext cx="1094414" cy="168540"/>
            </a:xfrm>
            <a:prstGeom prst="rect">
              <a:avLst/>
            </a:prstGeom>
          </p:spPr>
        </p:pic>
        <p:pic>
          <p:nvPicPr>
            <p:cNvPr id="127" name="Picture 126">
              <a:extLst>
                <a:ext uri="{FF2B5EF4-FFF2-40B4-BE49-F238E27FC236}">
                  <a16:creationId xmlns:a16="http://schemas.microsoft.com/office/drawing/2014/main" id="{E12C8943-808B-C200-84FB-56D57CCD0E47}"/>
                </a:ext>
              </a:extLst>
            </p:cNvPr>
            <p:cNvPicPr>
              <a:picLocks noChangeAspect="1"/>
            </p:cNvPicPr>
            <p:nvPr/>
          </p:nvPicPr>
          <p:blipFill>
            <a:blip r:embed="rId21" cstate="screen">
              <a:extLst>
                <a:ext uri="{28A0092B-C50C-407E-A947-70E740481C1C}">
                  <a14:useLocalDpi xmlns:a14="http://schemas.microsoft.com/office/drawing/2010/main"/>
                </a:ext>
              </a:extLst>
            </a:blip>
            <a:stretch>
              <a:fillRect/>
            </a:stretch>
          </p:blipFill>
          <p:spPr>
            <a:xfrm>
              <a:off x="8895870" y="1149143"/>
              <a:ext cx="749545" cy="260712"/>
            </a:xfrm>
            <a:prstGeom prst="rect">
              <a:avLst/>
            </a:prstGeom>
          </p:spPr>
        </p:pic>
        <p:pic>
          <p:nvPicPr>
            <p:cNvPr id="128" name="Picture 127" descr="A picture containing logo&#10;&#10;Description automatically generated">
              <a:extLst>
                <a:ext uri="{FF2B5EF4-FFF2-40B4-BE49-F238E27FC236}">
                  <a16:creationId xmlns:a16="http://schemas.microsoft.com/office/drawing/2014/main" id="{F773ACF0-87C8-B73B-C201-F4E81251AE5F}"/>
                </a:ext>
              </a:extLst>
            </p:cNvPr>
            <p:cNvPicPr>
              <a:picLocks noChangeAspect="1"/>
            </p:cNvPicPr>
            <p:nvPr/>
          </p:nvPicPr>
          <p:blipFill rotWithShape="1">
            <a:blip r:embed="rId22" cstate="screen">
              <a:extLst>
                <a:ext uri="{28A0092B-C50C-407E-A947-70E740481C1C}">
                  <a14:useLocalDpi xmlns:a14="http://schemas.microsoft.com/office/drawing/2010/main"/>
                </a:ext>
              </a:extLst>
            </a:blip>
            <a:srcRect/>
            <a:stretch/>
          </p:blipFill>
          <p:spPr>
            <a:xfrm>
              <a:off x="7864383" y="1114189"/>
              <a:ext cx="784342" cy="342435"/>
            </a:xfrm>
            <a:prstGeom prst="rect">
              <a:avLst/>
            </a:prstGeom>
          </p:spPr>
        </p:pic>
        <p:grpSp>
          <p:nvGrpSpPr>
            <p:cNvPr id="129" name="Group 128">
              <a:extLst>
                <a:ext uri="{FF2B5EF4-FFF2-40B4-BE49-F238E27FC236}">
                  <a16:creationId xmlns:a16="http://schemas.microsoft.com/office/drawing/2014/main" id="{11E84033-2550-7CE1-4F38-2D120F5BFA68}"/>
                </a:ext>
              </a:extLst>
            </p:cNvPr>
            <p:cNvGrpSpPr/>
            <p:nvPr/>
          </p:nvGrpSpPr>
          <p:grpSpPr>
            <a:xfrm>
              <a:off x="2468039" y="1224737"/>
              <a:ext cx="974195" cy="146255"/>
              <a:chOff x="2365748" y="1503287"/>
              <a:chExt cx="1178776" cy="160881"/>
            </a:xfrm>
          </p:grpSpPr>
          <p:sp>
            <p:nvSpPr>
              <p:cNvPr id="130" name="Freeform: Shape 129">
                <a:extLst>
                  <a:ext uri="{FF2B5EF4-FFF2-40B4-BE49-F238E27FC236}">
                    <a16:creationId xmlns:a16="http://schemas.microsoft.com/office/drawing/2014/main" id="{47008E7E-1A5C-0196-ED73-A1DC95063538}"/>
                  </a:ext>
                </a:extLst>
              </p:cNvPr>
              <p:cNvSpPr/>
              <p:nvPr/>
            </p:nvSpPr>
            <p:spPr>
              <a:xfrm>
                <a:off x="3407219" y="1506344"/>
                <a:ext cx="137305" cy="154387"/>
              </a:xfrm>
              <a:custGeom>
                <a:avLst/>
                <a:gdLst>
                  <a:gd name="connsiteX0" fmla="*/ 102379 w 137305"/>
                  <a:gd name="connsiteY0" fmla="*/ 0 h 154387"/>
                  <a:gd name="connsiteX1" fmla="*/ 102379 w 137305"/>
                  <a:gd name="connsiteY1" fmla="*/ 99650 h 154387"/>
                  <a:gd name="connsiteX2" fmla="*/ 45296 w 137305"/>
                  <a:gd name="connsiteY2" fmla="*/ 0 h 154387"/>
                  <a:gd name="connsiteX3" fmla="*/ 0 w 137305"/>
                  <a:gd name="connsiteY3" fmla="*/ 0 h 154387"/>
                  <a:gd name="connsiteX4" fmla="*/ 0 w 137305"/>
                  <a:gd name="connsiteY4" fmla="*/ 154387 h 154387"/>
                  <a:gd name="connsiteX5" fmla="*/ 34981 w 137305"/>
                  <a:gd name="connsiteY5" fmla="*/ 154387 h 154387"/>
                  <a:gd name="connsiteX6" fmla="*/ 34981 w 137305"/>
                  <a:gd name="connsiteY6" fmla="*/ 52117 h 154387"/>
                  <a:gd name="connsiteX7" fmla="*/ 93647 w 137305"/>
                  <a:gd name="connsiteY7" fmla="*/ 154387 h 154387"/>
                  <a:gd name="connsiteX8" fmla="*/ 137306 w 137305"/>
                  <a:gd name="connsiteY8" fmla="*/ 154387 h 154387"/>
                  <a:gd name="connsiteX9" fmla="*/ 137306 w 137305"/>
                  <a:gd name="connsiteY9" fmla="*/ 0 h 15438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37305" h="154387">
                    <a:moveTo>
                      <a:pt x="102379" y="0"/>
                    </a:moveTo>
                    <a:lnTo>
                      <a:pt x="102379" y="99650"/>
                    </a:lnTo>
                    <a:lnTo>
                      <a:pt x="45296" y="0"/>
                    </a:lnTo>
                    <a:lnTo>
                      <a:pt x="0" y="0"/>
                    </a:lnTo>
                    <a:lnTo>
                      <a:pt x="0" y="154387"/>
                    </a:lnTo>
                    <a:lnTo>
                      <a:pt x="34981" y="154387"/>
                    </a:lnTo>
                    <a:lnTo>
                      <a:pt x="34981" y="52117"/>
                    </a:lnTo>
                    <a:cubicBezTo>
                      <a:pt x="40875" y="62377"/>
                      <a:pt x="93647" y="154387"/>
                      <a:pt x="93647" y="154387"/>
                    </a:cubicBezTo>
                    <a:lnTo>
                      <a:pt x="137306" y="154387"/>
                    </a:lnTo>
                    <a:lnTo>
                      <a:pt x="137306" y="0"/>
                    </a:lnTo>
                    <a:close/>
                  </a:path>
                </a:pathLst>
              </a:custGeom>
              <a:solidFill>
                <a:srgbClr val="005A8C"/>
              </a:solidFill>
              <a:ln w="542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131" name="Freeform: Shape 130">
                <a:extLst>
                  <a:ext uri="{FF2B5EF4-FFF2-40B4-BE49-F238E27FC236}">
                    <a16:creationId xmlns:a16="http://schemas.microsoft.com/office/drawing/2014/main" id="{E0F71A76-2CF0-D2F2-4E01-6953B04F3411}"/>
                  </a:ext>
                </a:extLst>
              </p:cNvPr>
              <p:cNvSpPr/>
              <p:nvPr/>
            </p:nvSpPr>
            <p:spPr>
              <a:xfrm>
                <a:off x="2365748" y="1506344"/>
                <a:ext cx="159844" cy="154441"/>
              </a:xfrm>
              <a:custGeom>
                <a:avLst/>
                <a:gdLst>
                  <a:gd name="connsiteX0" fmla="*/ 110510 w 159844"/>
                  <a:gd name="connsiteY0" fmla="*/ 0 h 154441"/>
                  <a:gd name="connsiteX1" fmla="*/ 79786 w 159844"/>
                  <a:gd name="connsiteY1" fmla="*/ 94411 h 154441"/>
                  <a:gd name="connsiteX2" fmla="*/ 49116 w 159844"/>
                  <a:gd name="connsiteY2" fmla="*/ 0 h 154441"/>
                  <a:gd name="connsiteX3" fmla="*/ 0 w 159844"/>
                  <a:gd name="connsiteY3" fmla="*/ 0 h 154441"/>
                  <a:gd name="connsiteX4" fmla="*/ 0 w 159844"/>
                  <a:gd name="connsiteY4" fmla="*/ 154442 h 154441"/>
                  <a:gd name="connsiteX5" fmla="*/ 34163 w 159844"/>
                  <a:gd name="connsiteY5" fmla="*/ 154442 h 154441"/>
                  <a:gd name="connsiteX6" fmla="*/ 34163 w 159844"/>
                  <a:gd name="connsiteY6" fmla="*/ 48952 h 154441"/>
                  <a:gd name="connsiteX7" fmla="*/ 66142 w 159844"/>
                  <a:gd name="connsiteY7" fmla="*/ 154387 h 154441"/>
                  <a:gd name="connsiteX8" fmla="*/ 92065 w 159844"/>
                  <a:gd name="connsiteY8" fmla="*/ 154387 h 154441"/>
                  <a:gd name="connsiteX9" fmla="*/ 125518 w 159844"/>
                  <a:gd name="connsiteY9" fmla="*/ 48570 h 154441"/>
                  <a:gd name="connsiteX10" fmla="*/ 125518 w 159844"/>
                  <a:gd name="connsiteY10" fmla="*/ 154387 h 154441"/>
                  <a:gd name="connsiteX11" fmla="*/ 159844 w 159844"/>
                  <a:gd name="connsiteY11" fmla="*/ 154387 h 154441"/>
                  <a:gd name="connsiteX12" fmla="*/ 159844 w 159844"/>
                  <a:gd name="connsiteY12" fmla="*/ 0 h 154441"/>
                  <a:gd name="connsiteX13" fmla="*/ 110729 w 159844"/>
                  <a:gd name="connsiteY13" fmla="*/ 0 h 15444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l="l" t="t" r="r" b="b"/>
                <a:pathLst>
                  <a:path w="159844" h="154441">
                    <a:moveTo>
                      <a:pt x="110510" y="0"/>
                    </a:moveTo>
                    <a:cubicBezTo>
                      <a:pt x="110510" y="0"/>
                      <a:pt x="82678" y="85461"/>
                      <a:pt x="79786" y="94411"/>
                    </a:cubicBezTo>
                    <a:cubicBezTo>
                      <a:pt x="76839" y="85407"/>
                      <a:pt x="49116" y="0"/>
                      <a:pt x="49116" y="0"/>
                    </a:cubicBezTo>
                    <a:lnTo>
                      <a:pt x="0" y="0"/>
                    </a:lnTo>
                    <a:lnTo>
                      <a:pt x="0" y="154442"/>
                    </a:lnTo>
                    <a:lnTo>
                      <a:pt x="34163" y="154442"/>
                    </a:lnTo>
                    <a:lnTo>
                      <a:pt x="34163" y="48952"/>
                    </a:lnTo>
                    <a:cubicBezTo>
                      <a:pt x="39620" y="67179"/>
                      <a:pt x="66142" y="154387"/>
                      <a:pt x="66142" y="154387"/>
                    </a:cubicBezTo>
                    <a:lnTo>
                      <a:pt x="92065" y="154387"/>
                    </a:lnTo>
                    <a:cubicBezTo>
                      <a:pt x="92065" y="154387"/>
                      <a:pt x="120061" y="66306"/>
                      <a:pt x="125518" y="48570"/>
                    </a:cubicBezTo>
                    <a:lnTo>
                      <a:pt x="125518" y="154387"/>
                    </a:lnTo>
                    <a:lnTo>
                      <a:pt x="159844" y="154387"/>
                    </a:lnTo>
                    <a:lnTo>
                      <a:pt x="159844" y="0"/>
                    </a:lnTo>
                    <a:lnTo>
                      <a:pt x="110729" y="0"/>
                    </a:lnTo>
                  </a:path>
                </a:pathLst>
              </a:custGeom>
              <a:solidFill>
                <a:srgbClr val="005A8C"/>
              </a:solidFill>
              <a:ln w="542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132" name="Freeform: Shape 131">
                <a:extLst>
                  <a:ext uri="{FF2B5EF4-FFF2-40B4-BE49-F238E27FC236}">
                    <a16:creationId xmlns:a16="http://schemas.microsoft.com/office/drawing/2014/main" id="{A2FAA8F1-9E66-85B4-293D-F94367C1BE0C}"/>
                  </a:ext>
                </a:extLst>
              </p:cNvPr>
              <p:cNvSpPr/>
              <p:nvPr/>
            </p:nvSpPr>
            <p:spPr>
              <a:xfrm>
                <a:off x="2816302" y="1506344"/>
                <a:ext cx="114112" cy="154387"/>
              </a:xfrm>
              <a:custGeom>
                <a:avLst/>
                <a:gdLst>
                  <a:gd name="connsiteX0" fmla="*/ 114112 w 114112"/>
                  <a:gd name="connsiteY0" fmla="*/ 154387 h 154387"/>
                  <a:gd name="connsiteX1" fmla="*/ 0 w 114112"/>
                  <a:gd name="connsiteY1" fmla="*/ 154387 h 154387"/>
                  <a:gd name="connsiteX2" fmla="*/ 0 w 114112"/>
                  <a:gd name="connsiteY2" fmla="*/ 0 h 154387"/>
                  <a:gd name="connsiteX3" fmla="*/ 114112 w 114112"/>
                  <a:gd name="connsiteY3" fmla="*/ 0 h 154387"/>
                  <a:gd name="connsiteX4" fmla="*/ 114112 w 114112"/>
                  <a:gd name="connsiteY4" fmla="*/ 29961 h 154387"/>
                  <a:gd name="connsiteX5" fmla="*/ 37164 w 114112"/>
                  <a:gd name="connsiteY5" fmla="*/ 29961 h 154387"/>
                  <a:gd name="connsiteX6" fmla="*/ 37164 w 114112"/>
                  <a:gd name="connsiteY6" fmla="*/ 58721 h 154387"/>
                  <a:gd name="connsiteX7" fmla="*/ 107673 w 114112"/>
                  <a:gd name="connsiteY7" fmla="*/ 58721 h 154387"/>
                  <a:gd name="connsiteX8" fmla="*/ 107673 w 114112"/>
                  <a:gd name="connsiteY8" fmla="*/ 88627 h 154387"/>
                  <a:gd name="connsiteX9" fmla="*/ 37164 w 114112"/>
                  <a:gd name="connsiteY9" fmla="*/ 88627 h 154387"/>
                  <a:gd name="connsiteX10" fmla="*/ 37164 w 114112"/>
                  <a:gd name="connsiteY10" fmla="*/ 124481 h 154387"/>
                  <a:gd name="connsiteX11" fmla="*/ 114112 w 114112"/>
                  <a:gd name="connsiteY11" fmla="*/ 124481 h 154387"/>
                  <a:gd name="connsiteX12" fmla="*/ 114112 w 114112"/>
                  <a:gd name="connsiteY12" fmla="*/ 154387 h 15438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114112" h="154387">
                    <a:moveTo>
                      <a:pt x="114112" y="154387"/>
                    </a:moveTo>
                    <a:lnTo>
                      <a:pt x="0" y="154387"/>
                    </a:lnTo>
                    <a:lnTo>
                      <a:pt x="0" y="0"/>
                    </a:lnTo>
                    <a:lnTo>
                      <a:pt x="114112" y="0"/>
                    </a:lnTo>
                    <a:lnTo>
                      <a:pt x="114112" y="29961"/>
                    </a:lnTo>
                    <a:lnTo>
                      <a:pt x="37164" y="29961"/>
                    </a:lnTo>
                    <a:lnTo>
                      <a:pt x="37164" y="58721"/>
                    </a:lnTo>
                    <a:lnTo>
                      <a:pt x="107673" y="58721"/>
                    </a:lnTo>
                    <a:lnTo>
                      <a:pt x="107673" y="88627"/>
                    </a:lnTo>
                    <a:lnTo>
                      <a:pt x="37164" y="88627"/>
                    </a:lnTo>
                    <a:lnTo>
                      <a:pt x="37164" y="124481"/>
                    </a:lnTo>
                    <a:lnTo>
                      <a:pt x="114112" y="124481"/>
                    </a:lnTo>
                    <a:lnTo>
                      <a:pt x="114112" y="154387"/>
                    </a:lnTo>
                    <a:close/>
                  </a:path>
                </a:pathLst>
              </a:custGeom>
              <a:solidFill>
                <a:srgbClr val="005A8C"/>
              </a:solidFill>
              <a:ln w="542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133" name="Freeform: Shape 132">
                <a:extLst>
                  <a:ext uri="{FF2B5EF4-FFF2-40B4-BE49-F238E27FC236}">
                    <a16:creationId xmlns:a16="http://schemas.microsoft.com/office/drawing/2014/main" id="{86F5C8F8-DE8F-2470-5247-59FE3CC92FDD}"/>
                  </a:ext>
                </a:extLst>
              </p:cNvPr>
              <p:cNvSpPr/>
              <p:nvPr/>
            </p:nvSpPr>
            <p:spPr>
              <a:xfrm>
                <a:off x="2556917" y="1632844"/>
                <a:ext cx="83660" cy="27886"/>
              </a:xfrm>
              <a:custGeom>
                <a:avLst/>
                <a:gdLst>
                  <a:gd name="connsiteX0" fmla="*/ 0 w 83660"/>
                  <a:gd name="connsiteY0" fmla="*/ 0 h 27886"/>
                  <a:gd name="connsiteX1" fmla="*/ 83660 w 83660"/>
                  <a:gd name="connsiteY1" fmla="*/ 0 h 27886"/>
                  <a:gd name="connsiteX2" fmla="*/ 83660 w 83660"/>
                  <a:gd name="connsiteY2" fmla="*/ 27887 h 27886"/>
                  <a:gd name="connsiteX3" fmla="*/ 0 w 83660"/>
                  <a:gd name="connsiteY3" fmla="*/ 27887 h 27886"/>
                </a:gdLst>
                <a:ahLst/>
                <a:cxnLst>
                  <a:cxn ang="0">
                    <a:pos x="connsiteX0" y="connsiteY0"/>
                  </a:cxn>
                  <a:cxn ang="0">
                    <a:pos x="connsiteX1" y="connsiteY1"/>
                  </a:cxn>
                  <a:cxn ang="0">
                    <a:pos x="connsiteX2" y="connsiteY2"/>
                  </a:cxn>
                  <a:cxn ang="0">
                    <a:pos x="connsiteX3" y="connsiteY3"/>
                  </a:cxn>
                </a:cxnLst>
                <a:rect l="l" t="t" r="r" b="b"/>
                <a:pathLst>
                  <a:path w="83660" h="27886">
                    <a:moveTo>
                      <a:pt x="0" y="0"/>
                    </a:moveTo>
                    <a:lnTo>
                      <a:pt x="83660" y="0"/>
                    </a:lnTo>
                    <a:lnTo>
                      <a:pt x="83660" y="27887"/>
                    </a:lnTo>
                    <a:lnTo>
                      <a:pt x="0" y="27887"/>
                    </a:lnTo>
                    <a:close/>
                  </a:path>
                </a:pathLst>
              </a:custGeom>
              <a:solidFill>
                <a:srgbClr val="EF8200"/>
              </a:solidFill>
              <a:ln w="542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134" name="Freeform: Shape 133">
                <a:extLst>
                  <a:ext uri="{FF2B5EF4-FFF2-40B4-BE49-F238E27FC236}">
                    <a16:creationId xmlns:a16="http://schemas.microsoft.com/office/drawing/2014/main" id="{7E063570-A9BB-9B08-B758-EC0759B13AD8}"/>
                  </a:ext>
                </a:extLst>
              </p:cNvPr>
              <p:cNvSpPr/>
              <p:nvPr/>
            </p:nvSpPr>
            <p:spPr>
              <a:xfrm>
                <a:off x="2669665" y="1506344"/>
                <a:ext cx="132666" cy="154441"/>
              </a:xfrm>
              <a:custGeom>
                <a:avLst/>
                <a:gdLst>
                  <a:gd name="connsiteX0" fmla="*/ 82351 w 132666"/>
                  <a:gd name="connsiteY0" fmla="*/ 0 h 154441"/>
                  <a:gd name="connsiteX1" fmla="*/ 35090 w 132666"/>
                  <a:gd name="connsiteY1" fmla="*/ 58502 h 154441"/>
                  <a:gd name="connsiteX2" fmla="*/ 35090 w 132666"/>
                  <a:gd name="connsiteY2" fmla="*/ 0 h 154441"/>
                  <a:gd name="connsiteX3" fmla="*/ 0 w 132666"/>
                  <a:gd name="connsiteY3" fmla="*/ 0 h 154441"/>
                  <a:gd name="connsiteX4" fmla="*/ 0 w 132666"/>
                  <a:gd name="connsiteY4" fmla="*/ 154442 h 154441"/>
                  <a:gd name="connsiteX5" fmla="*/ 35090 w 132666"/>
                  <a:gd name="connsiteY5" fmla="*/ 154442 h 154441"/>
                  <a:gd name="connsiteX6" fmla="*/ 35090 w 132666"/>
                  <a:gd name="connsiteY6" fmla="*/ 86225 h 154441"/>
                  <a:gd name="connsiteX7" fmla="*/ 83551 w 132666"/>
                  <a:gd name="connsiteY7" fmla="*/ 154387 h 154441"/>
                  <a:gd name="connsiteX8" fmla="*/ 132667 w 132666"/>
                  <a:gd name="connsiteY8" fmla="*/ 154387 h 154441"/>
                  <a:gd name="connsiteX9" fmla="*/ 65215 w 132666"/>
                  <a:gd name="connsiteY9" fmla="*/ 71763 h 154441"/>
                  <a:gd name="connsiteX10" fmla="*/ 128738 w 132666"/>
                  <a:gd name="connsiteY10" fmla="*/ 0 h 15444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l="l" t="t" r="r" b="b"/>
                <a:pathLst>
                  <a:path w="132666" h="154441">
                    <a:moveTo>
                      <a:pt x="82351" y="0"/>
                    </a:moveTo>
                    <a:cubicBezTo>
                      <a:pt x="82351" y="0"/>
                      <a:pt x="41093" y="51680"/>
                      <a:pt x="35090" y="58502"/>
                    </a:cubicBezTo>
                    <a:lnTo>
                      <a:pt x="35090" y="0"/>
                    </a:lnTo>
                    <a:lnTo>
                      <a:pt x="0" y="0"/>
                    </a:lnTo>
                    <a:lnTo>
                      <a:pt x="0" y="154442"/>
                    </a:lnTo>
                    <a:lnTo>
                      <a:pt x="35090" y="154442"/>
                    </a:lnTo>
                    <a:lnTo>
                      <a:pt x="35090" y="86225"/>
                    </a:lnTo>
                    <a:cubicBezTo>
                      <a:pt x="41257" y="93593"/>
                      <a:pt x="83551" y="154387"/>
                      <a:pt x="83551" y="154387"/>
                    </a:cubicBezTo>
                    <a:lnTo>
                      <a:pt x="132667" y="154387"/>
                    </a:lnTo>
                    <a:cubicBezTo>
                      <a:pt x="132667" y="154387"/>
                      <a:pt x="67561" y="74328"/>
                      <a:pt x="65215" y="71763"/>
                    </a:cubicBezTo>
                    <a:lnTo>
                      <a:pt x="128738" y="0"/>
                    </a:lnTo>
                    <a:close/>
                  </a:path>
                </a:pathLst>
              </a:custGeom>
              <a:solidFill>
                <a:srgbClr val="005A8C"/>
              </a:solidFill>
              <a:ln w="542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135" name="Freeform: Shape 134">
                <a:extLst>
                  <a:ext uri="{FF2B5EF4-FFF2-40B4-BE49-F238E27FC236}">
                    <a16:creationId xmlns:a16="http://schemas.microsoft.com/office/drawing/2014/main" id="{F0807C83-EC85-DCE5-8227-90BBEA730688}"/>
                  </a:ext>
                </a:extLst>
              </p:cNvPr>
              <p:cNvSpPr/>
              <p:nvPr/>
            </p:nvSpPr>
            <p:spPr>
              <a:xfrm>
                <a:off x="3236842" y="1503287"/>
                <a:ext cx="146201" cy="160554"/>
              </a:xfrm>
              <a:custGeom>
                <a:avLst/>
                <a:gdLst>
                  <a:gd name="connsiteX0" fmla="*/ 218 w 146201"/>
                  <a:gd name="connsiteY0" fmla="*/ 79840 h 160554"/>
                  <a:gd name="connsiteX1" fmla="*/ 73237 w 146201"/>
                  <a:gd name="connsiteY1" fmla="*/ 160554 h 160554"/>
                  <a:gd name="connsiteX2" fmla="*/ 146201 w 146201"/>
                  <a:gd name="connsiteY2" fmla="*/ 79840 h 160554"/>
                  <a:gd name="connsiteX3" fmla="*/ 73019 w 146201"/>
                  <a:gd name="connsiteY3" fmla="*/ 0 h 160554"/>
                  <a:gd name="connsiteX4" fmla="*/ 0 w 146201"/>
                  <a:gd name="connsiteY4" fmla="*/ 79840 h 160554"/>
                  <a:gd name="connsiteX5" fmla="*/ 37273 w 146201"/>
                  <a:gd name="connsiteY5" fmla="*/ 79840 h 160554"/>
                  <a:gd name="connsiteX6" fmla="*/ 73019 w 146201"/>
                  <a:gd name="connsiteY6" fmla="*/ 32471 h 160554"/>
                  <a:gd name="connsiteX7" fmla="*/ 108819 w 146201"/>
                  <a:gd name="connsiteY7" fmla="*/ 79840 h 160554"/>
                  <a:gd name="connsiteX8" fmla="*/ 73019 w 146201"/>
                  <a:gd name="connsiteY8" fmla="*/ 128028 h 160554"/>
                  <a:gd name="connsiteX9" fmla="*/ 37273 w 146201"/>
                  <a:gd name="connsiteY9" fmla="*/ 79840 h 16055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46201" h="160554">
                    <a:moveTo>
                      <a:pt x="218" y="79840"/>
                    </a:moveTo>
                    <a:cubicBezTo>
                      <a:pt x="218" y="127482"/>
                      <a:pt x="25431" y="160554"/>
                      <a:pt x="73237" y="160554"/>
                    </a:cubicBezTo>
                    <a:cubicBezTo>
                      <a:pt x="121043" y="160554"/>
                      <a:pt x="146201" y="126773"/>
                      <a:pt x="146201" y="79840"/>
                    </a:cubicBezTo>
                    <a:cubicBezTo>
                      <a:pt x="146201" y="32907"/>
                      <a:pt x="120006" y="0"/>
                      <a:pt x="73019" y="0"/>
                    </a:cubicBezTo>
                    <a:cubicBezTo>
                      <a:pt x="26031" y="0"/>
                      <a:pt x="0" y="32307"/>
                      <a:pt x="0" y="79840"/>
                    </a:cubicBezTo>
                    <a:moveTo>
                      <a:pt x="37273" y="79840"/>
                    </a:moveTo>
                    <a:cubicBezTo>
                      <a:pt x="37273" y="56428"/>
                      <a:pt x="47697" y="32471"/>
                      <a:pt x="73019" y="32471"/>
                    </a:cubicBezTo>
                    <a:cubicBezTo>
                      <a:pt x="98341" y="32471"/>
                      <a:pt x="108819" y="56483"/>
                      <a:pt x="108819" y="79840"/>
                    </a:cubicBezTo>
                    <a:cubicBezTo>
                      <a:pt x="108819" y="103197"/>
                      <a:pt x="99214" y="128028"/>
                      <a:pt x="73019" y="128028"/>
                    </a:cubicBezTo>
                    <a:cubicBezTo>
                      <a:pt x="46824" y="128028"/>
                      <a:pt x="37273" y="103852"/>
                      <a:pt x="37273" y="79840"/>
                    </a:cubicBezTo>
                  </a:path>
                </a:pathLst>
              </a:custGeom>
              <a:solidFill>
                <a:srgbClr val="005A8C"/>
              </a:solidFill>
              <a:ln w="542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136" name="Freeform: Shape 135">
                <a:extLst>
                  <a:ext uri="{FF2B5EF4-FFF2-40B4-BE49-F238E27FC236}">
                    <a16:creationId xmlns:a16="http://schemas.microsoft.com/office/drawing/2014/main" id="{209DE313-F393-12E3-1333-930F317C7235}"/>
                  </a:ext>
                </a:extLst>
              </p:cNvPr>
              <p:cNvSpPr/>
              <p:nvPr/>
            </p:nvSpPr>
            <p:spPr>
              <a:xfrm>
                <a:off x="2954754" y="1503397"/>
                <a:ext cx="124818" cy="160717"/>
              </a:xfrm>
              <a:custGeom>
                <a:avLst/>
                <a:gdLst>
                  <a:gd name="connsiteX0" fmla="*/ 73674 w 124818"/>
                  <a:gd name="connsiteY0" fmla="*/ 63468 h 160717"/>
                  <a:gd name="connsiteX1" fmla="*/ 40602 w 124818"/>
                  <a:gd name="connsiteY1" fmla="*/ 45405 h 160717"/>
                  <a:gd name="connsiteX2" fmla="*/ 44040 w 124818"/>
                  <a:gd name="connsiteY2" fmla="*/ 37491 h 160717"/>
                  <a:gd name="connsiteX3" fmla="*/ 74219 w 124818"/>
                  <a:gd name="connsiteY3" fmla="*/ 31052 h 160717"/>
                  <a:gd name="connsiteX4" fmla="*/ 112857 w 124818"/>
                  <a:gd name="connsiteY4" fmla="*/ 42348 h 160717"/>
                  <a:gd name="connsiteX5" fmla="*/ 120443 w 124818"/>
                  <a:gd name="connsiteY5" fmla="*/ 10914 h 160717"/>
                  <a:gd name="connsiteX6" fmla="*/ 64287 w 124818"/>
                  <a:gd name="connsiteY6" fmla="*/ 0 h 160717"/>
                  <a:gd name="connsiteX7" fmla="*/ 1637 w 124818"/>
                  <a:gd name="connsiteY7" fmla="*/ 49716 h 160717"/>
                  <a:gd name="connsiteX8" fmla="*/ 55719 w 124818"/>
                  <a:gd name="connsiteY8" fmla="*/ 95612 h 160717"/>
                  <a:gd name="connsiteX9" fmla="*/ 87808 w 124818"/>
                  <a:gd name="connsiteY9" fmla="*/ 114440 h 160717"/>
                  <a:gd name="connsiteX10" fmla="*/ 55392 w 124818"/>
                  <a:gd name="connsiteY10" fmla="*/ 130811 h 160717"/>
                  <a:gd name="connsiteX11" fmla="*/ 9987 w 124818"/>
                  <a:gd name="connsiteY11" fmla="*/ 117114 h 160717"/>
                  <a:gd name="connsiteX12" fmla="*/ 0 w 124818"/>
                  <a:gd name="connsiteY12" fmla="*/ 148220 h 160717"/>
                  <a:gd name="connsiteX13" fmla="*/ 57247 w 124818"/>
                  <a:gd name="connsiteY13" fmla="*/ 160718 h 160717"/>
                  <a:gd name="connsiteX14" fmla="*/ 111820 w 124818"/>
                  <a:gd name="connsiteY14" fmla="*/ 142436 h 160717"/>
                  <a:gd name="connsiteX15" fmla="*/ 124808 w 124818"/>
                  <a:gd name="connsiteY15" fmla="*/ 110074 h 160717"/>
                  <a:gd name="connsiteX16" fmla="*/ 73728 w 124818"/>
                  <a:gd name="connsiteY16" fmla="*/ 63850 h 1607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l="l" t="t" r="r" b="b"/>
                <a:pathLst>
                  <a:path w="124818" h="160717">
                    <a:moveTo>
                      <a:pt x="73674" y="63468"/>
                    </a:moveTo>
                    <a:cubicBezTo>
                      <a:pt x="56810" y="58993"/>
                      <a:pt x="40930" y="56265"/>
                      <a:pt x="40602" y="45405"/>
                    </a:cubicBezTo>
                    <a:cubicBezTo>
                      <a:pt x="40493" y="42382"/>
                      <a:pt x="41754" y="39472"/>
                      <a:pt x="44040" y="37491"/>
                    </a:cubicBezTo>
                    <a:cubicBezTo>
                      <a:pt x="49989" y="32034"/>
                      <a:pt x="63523" y="30233"/>
                      <a:pt x="74219" y="31052"/>
                    </a:cubicBezTo>
                    <a:cubicBezTo>
                      <a:pt x="87824" y="31625"/>
                      <a:pt x="101086" y="35502"/>
                      <a:pt x="112857" y="42348"/>
                    </a:cubicBezTo>
                    <a:lnTo>
                      <a:pt x="120443" y="10914"/>
                    </a:lnTo>
                    <a:cubicBezTo>
                      <a:pt x="102575" y="3773"/>
                      <a:pt x="83524" y="70"/>
                      <a:pt x="64287" y="0"/>
                    </a:cubicBezTo>
                    <a:cubicBezTo>
                      <a:pt x="25540" y="382"/>
                      <a:pt x="1637" y="19428"/>
                      <a:pt x="1637" y="49716"/>
                    </a:cubicBezTo>
                    <a:cubicBezTo>
                      <a:pt x="1637" y="80004"/>
                      <a:pt x="31052" y="88517"/>
                      <a:pt x="55719" y="95612"/>
                    </a:cubicBezTo>
                    <a:cubicBezTo>
                      <a:pt x="71764" y="100087"/>
                      <a:pt x="87808" y="102488"/>
                      <a:pt x="87808" y="114440"/>
                    </a:cubicBezTo>
                    <a:cubicBezTo>
                      <a:pt x="87808" y="126391"/>
                      <a:pt x="68435" y="130811"/>
                      <a:pt x="55392" y="130811"/>
                    </a:cubicBezTo>
                    <a:cubicBezTo>
                      <a:pt x="39276" y="130568"/>
                      <a:pt x="23548" y="125823"/>
                      <a:pt x="9987" y="117114"/>
                    </a:cubicBezTo>
                    <a:lnTo>
                      <a:pt x="0" y="148220"/>
                    </a:lnTo>
                    <a:cubicBezTo>
                      <a:pt x="22266" y="156952"/>
                      <a:pt x="35745" y="160718"/>
                      <a:pt x="57247" y="160718"/>
                    </a:cubicBezTo>
                    <a:cubicBezTo>
                      <a:pt x="80768" y="160718"/>
                      <a:pt x="100141" y="154223"/>
                      <a:pt x="111820" y="142436"/>
                    </a:cubicBezTo>
                    <a:cubicBezTo>
                      <a:pt x="120377" y="133869"/>
                      <a:pt x="125070" y="122180"/>
                      <a:pt x="124808" y="110074"/>
                    </a:cubicBezTo>
                    <a:cubicBezTo>
                      <a:pt x="124808" y="78640"/>
                      <a:pt x="97195" y="69908"/>
                      <a:pt x="73728" y="63850"/>
                    </a:cubicBezTo>
                  </a:path>
                </a:pathLst>
              </a:custGeom>
              <a:solidFill>
                <a:srgbClr val="005A8C"/>
              </a:solidFill>
              <a:ln w="542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137" name="Freeform: Shape 136">
                <a:extLst>
                  <a:ext uri="{FF2B5EF4-FFF2-40B4-BE49-F238E27FC236}">
                    <a16:creationId xmlns:a16="http://schemas.microsoft.com/office/drawing/2014/main" id="{680AF7EA-844D-52A2-B7F9-B4E43E5EF259}"/>
                  </a:ext>
                </a:extLst>
              </p:cNvPr>
              <p:cNvSpPr/>
              <p:nvPr/>
            </p:nvSpPr>
            <p:spPr>
              <a:xfrm>
                <a:off x="3094570" y="1503451"/>
                <a:ext cx="124816" cy="160717"/>
              </a:xfrm>
              <a:custGeom>
                <a:avLst/>
                <a:gdLst>
                  <a:gd name="connsiteX0" fmla="*/ 73946 w 124816"/>
                  <a:gd name="connsiteY0" fmla="*/ 63414 h 160717"/>
                  <a:gd name="connsiteX1" fmla="*/ 40766 w 124816"/>
                  <a:gd name="connsiteY1" fmla="*/ 45350 h 160717"/>
                  <a:gd name="connsiteX2" fmla="*/ 44095 w 124816"/>
                  <a:gd name="connsiteY2" fmla="*/ 37437 h 160717"/>
                  <a:gd name="connsiteX3" fmla="*/ 74274 w 124816"/>
                  <a:gd name="connsiteY3" fmla="*/ 30997 h 160717"/>
                  <a:gd name="connsiteX4" fmla="*/ 112966 w 124816"/>
                  <a:gd name="connsiteY4" fmla="*/ 42294 h 160717"/>
                  <a:gd name="connsiteX5" fmla="*/ 120497 w 124816"/>
                  <a:gd name="connsiteY5" fmla="*/ 10914 h 160717"/>
                  <a:gd name="connsiteX6" fmla="*/ 64342 w 124816"/>
                  <a:gd name="connsiteY6" fmla="*/ 0 h 160717"/>
                  <a:gd name="connsiteX7" fmla="*/ 1692 w 124816"/>
                  <a:gd name="connsiteY7" fmla="*/ 49716 h 160717"/>
                  <a:gd name="connsiteX8" fmla="*/ 55774 w 124816"/>
                  <a:gd name="connsiteY8" fmla="*/ 95612 h 160717"/>
                  <a:gd name="connsiteX9" fmla="*/ 87862 w 124816"/>
                  <a:gd name="connsiteY9" fmla="*/ 114440 h 160717"/>
                  <a:gd name="connsiteX10" fmla="*/ 55446 w 124816"/>
                  <a:gd name="connsiteY10" fmla="*/ 130811 h 160717"/>
                  <a:gd name="connsiteX11" fmla="*/ 10041 w 124816"/>
                  <a:gd name="connsiteY11" fmla="*/ 117114 h 160717"/>
                  <a:gd name="connsiteX12" fmla="*/ 0 w 124816"/>
                  <a:gd name="connsiteY12" fmla="*/ 148220 h 160717"/>
                  <a:gd name="connsiteX13" fmla="*/ 57302 w 124816"/>
                  <a:gd name="connsiteY13" fmla="*/ 160718 h 160717"/>
                  <a:gd name="connsiteX14" fmla="*/ 111875 w 124816"/>
                  <a:gd name="connsiteY14" fmla="*/ 142436 h 160717"/>
                  <a:gd name="connsiteX15" fmla="*/ 124808 w 124816"/>
                  <a:gd name="connsiteY15" fmla="*/ 110074 h 160717"/>
                  <a:gd name="connsiteX16" fmla="*/ 73728 w 124816"/>
                  <a:gd name="connsiteY16" fmla="*/ 63850 h 1607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l="l" t="t" r="r" b="b"/>
                <a:pathLst>
                  <a:path w="124816" h="160717">
                    <a:moveTo>
                      <a:pt x="73946" y="63414"/>
                    </a:moveTo>
                    <a:cubicBezTo>
                      <a:pt x="57083" y="58939"/>
                      <a:pt x="41203" y="56210"/>
                      <a:pt x="40766" y="45350"/>
                    </a:cubicBezTo>
                    <a:cubicBezTo>
                      <a:pt x="40690" y="42357"/>
                      <a:pt x="41901" y="39474"/>
                      <a:pt x="44095" y="37437"/>
                    </a:cubicBezTo>
                    <a:cubicBezTo>
                      <a:pt x="50153" y="31980"/>
                      <a:pt x="63632" y="30179"/>
                      <a:pt x="74274" y="30997"/>
                    </a:cubicBezTo>
                    <a:cubicBezTo>
                      <a:pt x="87895" y="31588"/>
                      <a:pt x="101167" y="35463"/>
                      <a:pt x="112966" y="42294"/>
                    </a:cubicBezTo>
                    <a:lnTo>
                      <a:pt x="120497" y="10914"/>
                    </a:lnTo>
                    <a:cubicBezTo>
                      <a:pt x="102635" y="3766"/>
                      <a:pt x="83579" y="62"/>
                      <a:pt x="64342" y="0"/>
                    </a:cubicBezTo>
                    <a:cubicBezTo>
                      <a:pt x="25649" y="382"/>
                      <a:pt x="1692" y="19428"/>
                      <a:pt x="1692" y="49716"/>
                    </a:cubicBezTo>
                    <a:cubicBezTo>
                      <a:pt x="1692" y="80004"/>
                      <a:pt x="31107" y="88517"/>
                      <a:pt x="55774" y="95612"/>
                    </a:cubicBezTo>
                    <a:cubicBezTo>
                      <a:pt x="71818" y="100087"/>
                      <a:pt x="87862" y="102488"/>
                      <a:pt x="87862" y="114440"/>
                    </a:cubicBezTo>
                    <a:cubicBezTo>
                      <a:pt x="87862" y="126391"/>
                      <a:pt x="68489" y="130811"/>
                      <a:pt x="55446" y="130811"/>
                    </a:cubicBezTo>
                    <a:cubicBezTo>
                      <a:pt x="39331" y="130574"/>
                      <a:pt x="23603" y="125828"/>
                      <a:pt x="10041" y="117114"/>
                    </a:cubicBezTo>
                    <a:lnTo>
                      <a:pt x="0" y="148220"/>
                    </a:lnTo>
                    <a:cubicBezTo>
                      <a:pt x="22211" y="156952"/>
                      <a:pt x="35745" y="160718"/>
                      <a:pt x="57302" y="160718"/>
                    </a:cubicBezTo>
                    <a:cubicBezTo>
                      <a:pt x="80713" y="160718"/>
                      <a:pt x="100196" y="154223"/>
                      <a:pt x="111875" y="142436"/>
                    </a:cubicBezTo>
                    <a:cubicBezTo>
                      <a:pt x="120377" y="133836"/>
                      <a:pt x="125043" y="122164"/>
                      <a:pt x="124808" y="110074"/>
                    </a:cubicBezTo>
                    <a:cubicBezTo>
                      <a:pt x="124808" y="78640"/>
                      <a:pt x="97085" y="69908"/>
                      <a:pt x="73728" y="63850"/>
                    </a:cubicBezTo>
                  </a:path>
                </a:pathLst>
              </a:custGeom>
              <a:solidFill>
                <a:srgbClr val="005A8C"/>
              </a:solidFill>
              <a:ln w="542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138" name="Freeform: Shape 137">
                <a:extLst>
                  <a:ext uri="{FF2B5EF4-FFF2-40B4-BE49-F238E27FC236}">
                    <a16:creationId xmlns:a16="http://schemas.microsoft.com/office/drawing/2014/main" id="{3A41EA9E-B4B4-B901-5B1D-7EC7DB256528}"/>
                  </a:ext>
                </a:extLst>
              </p:cNvPr>
              <p:cNvSpPr/>
              <p:nvPr/>
            </p:nvSpPr>
            <p:spPr>
              <a:xfrm>
                <a:off x="2548567" y="1503440"/>
                <a:ext cx="96157" cy="113272"/>
              </a:xfrm>
              <a:custGeom>
                <a:avLst/>
                <a:gdLst>
                  <a:gd name="connsiteX0" fmla="*/ 60412 w 96157"/>
                  <a:gd name="connsiteY0" fmla="*/ 113251 h 113272"/>
                  <a:gd name="connsiteX1" fmla="*/ 96158 w 96157"/>
                  <a:gd name="connsiteY1" fmla="*/ 106156 h 113272"/>
                  <a:gd name="connsiteX2" fmla="*/ 85516 w 96157"/>
                  <a:gd name="connsiteY2" fmla="*/ 81216 h 113272"/>
                  <a:gd name="connsiteX3" fmla="*/ 67125 w 96157"/>
                  <a:gd name="connsiteY3" fmla="*/ 86346 h 113272"/>
                  <a:gd name="connsiteX4" fmla="*/ 34054 w 96157"/>
                  <a:gd name="connsiteY4" fmla="*/ 56713 h 113272"/>
                  <a:gd name="connsiteX5" fmla="*/ 67125 w 96157"/>
                  <a:gd name="connsiteY5" fmla="*/ 27080 h 113272"/>
                  <a:gd name="connsiteX6" fmla="*/ 85516 w 96157"/>
                  <a:gd name="connsiteY6" fmla="*/ 32100 h 113272"/>
                  <a:gd name="connsiteX7" fmla="*/ 96158 w 96157"/>
                  <a:gd name="connsiteY7" fmla="*/ 7215 h 113272"/>
                  <a:gd name="connsiteX8" fmla="*/ 60412 w 96157"/>
                  <a:gd name="connsiteY8" fmla="*/ 11 h 113272"/>
                  <a:gd name="connsiteX9" fmla="*/ 0 w 96157"/>
                  <a:gd name="connsiteY9" fmla="*/ 56658 h 113272"/>
                  <a:gd name="connsiteX10" fmla="*/ 60412 w 96157"/>
                  <a:gd name="connsiteY10" fmla="*/ 113196 h 11327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l="l" t="t" r="r" b="b"/>
                <a:pathLst>
                  <a:path w="96157" h="113272">
                    <a:moveTo>
                      <a:pt x="60412" y="113251"/>
                    </a:moveTo>
                    <a:cubicBezTo>
                      <a:pt x="72703" y="113527"/>
                      <a:pt x="84904" y="111105"/>
                      <a:pt x="96158" y="106156"/>
                    </a:cubicBezTo>
                    <a:lnTo>
                      <a:pt x="85516" y="81216"/>
                    </a:lnTo>
                    <a:cubicBezTo>
                      <a:pt x="79975" y="84588"/>
                      <a:pt x="73611" y="86363"/>
                      <a:pt x="67125" y="86346"/>
                    </a:cubicBezTo>
                    <a:cubicBezTo>
                      <a:pt x="49007" y="86346"/>
                      <a:pt x="34054" y="77341"/>
                      <a:pt x="34054" y="56713"/>
                    </a:cubicBezTo>
                    <a:cubicBezTo>
                      <a:pt x="34054" y="36084"/>
                      <a:pt x="49007" y="27080"/>
                      <a:pt x="67125" y="27080"/>
                    </a:cubicBezTo>
                    <a:cubicBezTo>
                      <a:pt x="73596" y="27063"/>
                      <a:pt x="79951" y="28798"/>
                      <a:pt x="85516" y="32100"/>
                    </a:cubicBezTo>
                    <a:lnTo>
                      <a:pt x="96158" y="7215"/>
                    </a:lnTo>
                    <a:cubicBezTo>
                      <a:pt x="84901" y="2265"/>
                      <a:pt x="72708" y="-192"/>
                      <a:pt x="60412" y="11"/>
                    </a:cubicBezTo>
                    <a:cubicBezTo>
                      <a:pt x="23466" y="11"/>
                      <a:pt x="0" y="21240"/>
                      <a:pt x="0" y="56658"/>
                    </a:cubicBezTo>
                    <a:cubicBezTo>
                      <a:pt x="0" y="92076"/>
                      <a:pt x="23466" y="113196"/>
                      <a:pt x="60412" y="113196"/>
                    </a:cubicBezTo>
                  </a:path>
                </a:pathLst>
              </a:custGeom>
              <a:solidFill>
                <a:srgbClr val="005A8C"/>
              </a:solidFill>
              <a:ln w="542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grpSp>
      </p:grpSp>
      <p:grpSp>
        <p:nvGrpSpPr>
          <p:cNvPr id="139" name="Group 138">
            <a:extLst>
              <a:ext uri="{FF2B5EF4-FFF2-40B4-BE49-F238E27FC236}">
                <a16:creationId xmlns:a16="http://schemas.microsoft.com/office/drawing/2014/main" id="{9667C010-00BE-C9EF-C2C4-46CC32621EF0}"/>
              </a:ext>
            </a:extLst>
          </p:cNvPr>
          <p:cNvGrpSpPr/>
          <p:nvPr/>
        </p:nvGrpSpPr>
        <p:grpSpPr>
          <a:xfrm>
            <a:off x="675279" y="3562967"/>
            <a:ext cx="11100271" cy="459728"/>
            <a:chOff x="675279" y="3591016"/>
            <a:chExt cx="11100271" cy="459728"/>
          </a:xfrm>
        </p:grpSpPr>
        <p:sp>
          <p:nvSpPr>
            <p:cNvPr id="140" name="Rectangle 139">
              <a:extLst>
                <a:ext uri="{FF2B5EF4-FFF2-40B4-BE49-F238E27FC236}">
                  <a16:creationId xmlns:a16="http://schemas.microsoft.com/office/drawing/2014/main" id="{AB1C9DD5-FFB0-4387-0057-084BA66346E8}"/>
                </a:ext>
              </a:extLst>
            </p:cNvPr>
            <p:cNvSpPr/>
            <p:nvPr/>
          </p:nvSpPr>
          <p:spPr>
            <a:xfrm>
              <a:off x="675279" y="3591017"/>
              <a:ext cx="1590701" cy="459727"/>
            </a:xfrm>
            <a:prstGeom prst="rect">
              <a:avLst/>
            </a:prstGeom>
            <a:solidFill>
              <a:srgbClr val="045694"/>
            </a:solidFill>
            <a:ln w="3175">
              <a:solidFill>
                <a:srgbClr val="01597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100" i="0" u="none" strike="noStrike" kern="1200" cap="none" spc="0" normalizeH="0" baseline="0" noProof="0">
                  <a:ln>
                    <a:noFill/>
                  </a:ln>
                  <a:solidFill>
                    <a:prstClr val="white"/>
                  </a:solidFill>
                  <a:effectLst/>
                  <a:uLnTx/>
                  <a:uFillTx/>
                  <a:latin typeface="Roboto" panose="02000000000000000000" pitchFamily="2" charset="0"/>
                  <a:ea typeface="Roboto" panose="02000000000000000000" pitchFamily="2" charset="0"/>
                  <a:cs typeface="Roboto" panose="02000000000000000000" pitchFamily="2" charset="0"/>
                </a:rPr>
                <a:t>Consulting, HR &amp; Telecom</a:t>
              </a:r>
            </a:p>
          </p:txBody>
        </p:sp>
        <p:sp>
          <p:nvSpPr>
            <p:cNvPr id="141" name="Rectangle 140">
              <a:extLst>
                <a:ext uri="{FF2B5EF4-FFF2-40B4-BE49-F238E27FC236}">
                  <a16:creationId xmlns:a16="http://schemas.microsoft.com/office/drawing/2014/main" id="{D77FCA6A-4399-27F9-A777-474AD0D5CB22}"/>
                </a:ext>
              </a:extLst>
            </p:cNvPr>
            <p:cNvSpPr/>
            <p:nvPr/>
          </p:nvSpPr>
          <p:spPr>
            <a:xfrm rot="16200000">
              <a:off x="6790902" y="-933904"/>
              <a:ext cx="459727" cy="9509568"/>
            </a:xfrm>
            <a:prstGeom prst="rect">
              <a:avLst/>
            </a:prstGeom>
            <a:solidFill>
              <a:schemeClr val="bg1"/>
            </a:solidFill>
            <a:ln w="3175">
              <a:solidFill>
                <a:schemeClr val="bg1">
                  <a:lumMod val="65000"/>
                </a:schemeClr>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100" b="1" i="0" u="none" strike="noStrike" kern="1200" cap="none" spc="0" normalizeH="0" baseline="0" noProof="0">
                <a:ln>
                  <a:noFill/>
                </a:ln>
                <a:solidFill>
                  <a:prstClr val="white"/>
                </a:solidFill>
                <a:effectLst/>
                <a:uLnTx/>
                <a:uFillTx/>
                <a:latin typeface="Roboto" panose="02000000000000000000" pitchFamily="2" charset="0"/>
                <a:ea typeface="Roboto" panose="02000000000000000000" pitchFamily="2" charset="0"/>
                <a:cs typeface="Roboto" panose="02000000000000000000" pitchFamily="2" charset="0"/>
              </a:endParaRPr>
            </a:p>
          </p:txBody>
        </p:sp>
        <p:pic>
          <p:nvPicPr>
            <p:cNvPr id="142" name="Picture 26" descr="https://upload.wikimedia.org/wikipedia/en/e/e9/McKinsey_%26_Company_logo.png">
              <a:extLst>
                <a:ext uri="{FF2B5EF4-FFF2-40B4-BE49-F238E27FC236}">
                  <a16:creationId xmlns:a16="http://schemas.microsoft.com/office/drawing/2014/main" id="{4EB9BC37-B7F3-796C-6AD2-37764CE01376}"/>
                </a:ext>
              </a:extLst>
            </p:cNvPr>
            <p:cNvPicPr>
              <a:picLocks noChangeAspect="1" noChangeArrowheads="1"/>
            </p:cNvPicPr>
            <p:nvPr/>
          </p:nvPicPr>
          <p:blipFill>
            <a:blip r:embed="rId23" cstate="screen">
              <a:extLst>
                <a:ext uri="{28A0092B-C50C-407E-A947-70E740481C1C}">
                  <a14:useLocalDpi xmlns:a14="http://schemas.microsoft.com/office/drawing/2010/main"/>
                </a:ext>
              </a:extLst>
            </a:blip>
            <a:stretch>
              <a:fillRect/>
            </a:stretch>
          </p:blipFill>
          <p:spPr bwMode="auto">
            <a:xfrm>
              <a:off x="8744178" y="3654212"/>
              <a:ext cx="1039922" cy="343517"/>
            </a:xfrm>
            <a:prstGeom prst="rect">
              <a:avLst/>
            </a:prstGeom>
          </p:spPr>
        </p:pic>
        <p:grpSp>
          <p:nvGrpSpPr>
            <p:cNvPr id="143" name="Graphic 49">
              <a:extLst>
                <a:ext uri="{FF2B5EF4-FFF2-40B4-BE49-F238E27FC236}">
                  <a16:creationId xmlns:a16="http://schemas.microsoft.com/office/drawing/2014/main" id="{F81737A7-73A9-4519-B214-40715EF61DFA}"/>
                </a:ext>
              </a:extLst>
            </p:cNvPr>
            <p:cNvGrpSpPr/>
            <p:nvPr/>
          </p:nvGrpSpPr>
          <p:grpSpPr>
            <a:xfrm>
              <a:off x="5890777" y="3633230"/>
              <a:ext cx="942685" cy="376392"/>
              <a:chOff x="5691242" y="3533117"/>
              <a:chExt cx="1036954" cy="414031"/>
            </a:xfrm>
            <a:noFill/>
          </p:grpSpPr>
          <p:sp>
            <p:nvSpPr>
              <p:cNvPr id="198" name="Freeform: Shape 197">
                <a:extLst>
                  <a:ext uri="{FF2B5EF4-FFF2-40B4-BE49-F238E27FC236}">
                    <a16:creationId xmlns:a16="http://schemas.microsoft.com/office/drawing/2014/main" id="{3394F0F7-B59D-55DA-5256-6F16E3D1535C}"/>
                  </a:ext>
                </a:extLst>
              </p:cNvPr>
              <p:cNvSpPr/>
              <p:nvPr/>
            </p:nvSpPr>
            <p:spPr>
              <a:xfrm>
                <a:off x="5691242" y="3717782"/>
                <a:ext cx="1036954" cy="229366"/>
              </a:xfrm>
              <a:custGeom>
                <a:avLst/>
                <a:gdLst>
                  <a:gd name="connsiteX0" fmla="*/ 151659 w 1036954"/>
                  <a:gd name="connsiteY0" fmla="*/ 174554 h 229366"/>
                  <a:gd name="connsiteX1" fmla="*/ 144761 w 1036954"/>
                  <a:gd name="connsiteY1" fmla="*/ 179014 h 229366"/>
                  <a:gd name="connsiteX2" fmla="*/ 122865 w 1036954"/>
                  <a:gd name="connsiteY2" fmla="*/ 179014 h 229366"/>
                  <a:gd name="connsiteX3" fmla="*/ 116567 w 1036954"/>
                  <a:gd name="connsiteY3" fmla="*/ 174554 h 229366"/>
                  <a:gd name="connsiteX4" fmla="*/ 95871 w 1036954"/>
                  <a:gd name="connsiteY4" fmla="*/ 97536 h 229366"/>
                  <a:gd name="connsiteX5" fmla="*/ 91672 w 1036954"/>
                  <a:gd name="connsiteY5" fmla="*/ 71665 h 229366"/>
                  <a:gd name="connsiteX6" fmla="*/ 87473 w 1036954"/>
                  <a:gd name="connsiteY6" fmla="*/ 97536 h 229366"/>
                  <a:gd name="connsiteX7" fmla="*/ 66177 w 1036954"/>
                  <a:gd name="connsiteY7" fmla="*/ 174554 h 229366"/>
                  <a:gd name="connsiteX8" fmla="*/ 59278 w 1036954"/>
                  <a:gd name="connsiteY8" fmla="*/ 179014 h 229366"/>
                  <a:gd name="connsiteX9" fmla="*/ 37083 w 1036954"/>
                  <a:gd name="connsiteY9" fmla="*/ 179014 h 229366"/>
                  <a:gd name="connsiteX10" fmla="*/ 30784 w 1036954"/>
                  <a:gd name="connsiteY10" fmla="*/ 174554 h 229366"/>
                  <a:gd name="connsiteX11" fmla="*/ 191 w 1036954"/>
                  <a:gd name="connsiteY11" fmla="*/ 63636 h 229366"/>
                  <a:gd name="connsiteX12" fmla="*/ 4990 w 1036954"/>
                  <a:gd name="connsiteY12" fmla="*/ 57689 h 229366"/>
                  <a:gd name="connsiteX13" fmla="*/ 19087 w 1036954"/>
                  <a:gd name="connsiteY13" fmla="*/ 57689 h 229366"/>
                  <a:gd name="connsiteX14" fmla="*/ 25985 w 1036954"/>
                  <a:gd name="connsiteY14" fmla="*/ 62745 h 229366"/>
                  <a:gd name="connsiteX15" fmla="*/ 45181 w 1036954"/>
                  <a:gd name="connsiteY15" fmla="*/ 141844 h 229366"/>
                  <a:gd name="connsiteX16" fmla="*/ 48781 w 1036954"/>
                  <a:gd name="connsiteY16" fmla="*/ 168904 h 229366"/>
                  <a:gd name="connsiteX17" fmla="*/ 53880 w 1036954"/>
                  <a:gd name="connsiteY17" fmla="*/ 142141 h 229366"/>
                  <a:gd name="connsiteX18" fmla="*/ 75175 w 1036954"/>
                  <a:gd name="connsiteY18" fmla="*/ 62447 h 229366"/>
                  <a:gd name="connsiteX19" fmla="*/ 82374 w 1036954"/>
                  <a:gd name="connsiteY19" fmla="*/ 57689 h 229366"/>
                  <a:gd name="connsiteX20" fmla="*/ 99770 w 1036954"/>
                  <a:gd name="connsiteY20" fmla="*/ 57689 h 229366"/>
                  <a:gd name="connsiteX21" fmla="*/ 107269 w 1036954"/>
                  <a:gd name="connsiteY21" fmla="*/ 62745 h 229366"/>
                  <a:gd name="connsiteX22" fmla="*/ 128864 w 1036954"/>
                  <a:gd name="connsiteY22" fmla="*/ 142141 h 229366"/>
                  <a:gd name="connsiteX23" fmla="*/ 133663 w 1036954"/>
                  <a:gd name="connsiteY23" fmla="*/ 168904 h 229366"/>
                  <a:gd name="connsiteX24" fmla="*/ 137862 w 1036954"/>
                  <a:gd name="connsiteY24" fmla="*/ 142141 h 229366"/>
                  <a:gd name="connsiteX25" fmla="*/ 155559 w 1036954"/>
                  <a:gd name="connsiteY25" fmla="*/ 62447 h 229366"/>
                  <a:gd name="connsiteX26" fmla="*/ 162757 w 1036954"/>
                  <a:gd name="connsiteY26" fmla="*/ 57689 h 229366"/>
                  <a:gd name="connsiteX27" fmla="*/ 175954 w 1036954"/>
                  <a:gd name="connsiteY27" fmla="*/ 57689 h 229366"/>
                  <a:gd name="connsiteX28" fmla="*/ 180754 w 1036954"/>
                  <a:gd name="connsiteY28" fmla="*/ 63636 h 229366"/>
                  <a:gd name="connsiteX29" fmla="*/ 151659 w 1036954"/>
                  <a:gd name="connsiteY29" fmla="*/ 174554 h 229366"/>
                  <a:gd name="connsiteX30" fmla="*/ 269535 w 1036954"/>
                  <a:gd name="connsiteY30" fmla="*/ 180204 h 229366"/>
                  <a:gd name="connsiteX31" fmla="*/ 211647 w 1036954"/>
                  <a:gd name="connsiteY31" fmla="*/ 117460 h 229366"/>
                  <a:gd name="connsiteX32" fmla="*/ 269535 w 1036954"/>
                  <a:gd name="connsiteY32" fmla="*/ 55608 h 229366"/>
                  <a:gd name="connsiteX33" fmla="*/ 326823 w 1036954"/>
                  <a:gd name="connsiteY33" fmla="*/ 117460 h 229366"/>
                  <a:gd name="connsiteX34" fmla="*/ 269535 w 1036954"/>
                  <a:gd name="connsiteY34" fmla="*/ 180204 h 229366"/>
                  <a:gd name="connsiteX35" fmla="*/ 268936 w 1036954"/>
                  <a:gd name="connsiteY35" fmla="*/ 72557 h 229366"/>
                  <a:gd name="connsiteX36" fmla="*/ 236542 w 1036954"/>
                  <a:gd name="connsiteY36" fmla="*/ 117757 h 229366"/>
                  <a:gd name="connsiteX37" fmla="*/ 268936 w 1036954"/>
                  <a:gd name="connsiteY37" fmla="*/ 163849 h 229366"/>
                  <a:gd name="connsiteX38" fmla="*/ 301328 w 1036954"/>
                  <a:gd name="connsiteY38" fmla="*/ 117757 h 229366"/>
                  <a:gd name="connsiteX39" fmla="*/ 268936 w 1036954"/>
                  <a:gd name="connsiteY39" fmla="*/ 72557 h 229366"/>
                  <a:gd name="connsiteX40" fmla="*/ 439300 w 1036954"/>
                  <a:gd name="connsiteY40" fmla="*/ 74639 h 229366"/>
                  <a:gd name="connsiteX41" fmla="*/ 430602 w 1036954"/>
                  <a:gd name="connsiteY41" fmla="*/ 79100 h 229366"/>
                  <a:gd name="connsiteX42" fmla="*/ 413806 w 1036954"/>
                  <a:gd name="connsiteY42" fmla="*/ 76423 h 229366"/>
                  <a:gd name="connsiteX43" fmla="*/ 393410 w 1036954"/>
                  <a:gd name="connsiteY43" fmla="*/ 108241 h 229366"/>
                  <a:gd name="connsiteX44" fmla="*/ 393410 w 1036954"/>
                  <a:gd name="connsiteY44" fmla="*/ 173959 h 229366"/>
                  <a:gd name="connsiteX45" fmla="*/ 387110 w 1036954"/>
                  <a:gd name="connsiteY45" fmla="*/ 179014 h 229366"/>
                  <a:gd name="connsiteX46" fmla="*/ 375713 w 1036954"/>
                  <a:gd name="connsiteY46" fmla="*/ 179014 h 229366"/>
                  <a:gd name="connsiteX47" fmla="*/ 369415 w 1036954"/>
                  <a:gd name="connsiteY47" fmla="*/ 173959 h 229366"/>
                  <a:gd name="connsiteX48" fmla="*/ 369415 w 1036954"/>
                  <a:gd name="connsiteY48" fmla="*/ 62745 h 229366"/>
                  <a:gd name="connsiteX49" fmla="*/ 375713 w 1036954"/>
                  <a:gd name="connsiteY49" fmla="*/ 57689 h 229366"/>
                  <a:gd name="connsiteX50" fmla="*/ 382612 w 1036954"/>
                  <a:gd name="connsiteY50" fmla="*/ 57689 h 229366"/>
                  <a:gd name="connsiteX51" fmla="*/ 388911 w 1036954"/>
                  <a:gd name="connsiteY51" fmla="*/ 61555 h 229366"/>
                  <a:gd name="connsiteX52" fmla="*/ 393109 w 1036954"/>
                  <a:gd name="connsiteY52" fmla="*/ 75234 h 229366"/>
                  <a:gd name="connsiteX53" fmla="*/ 427003 w 1036954"/>
                  <a:gd name="connsiteY53" fmla="*/ 55905 h 229366"/>
                  <a:gd name="connsiteX54" fmla="*/ 442600 w 1036954"/>
                  <a:gd name="connsiteY54" fmla="*/ 64826 h 229366"/>
                  <a:gd name="connsiteX55" fmla="*/ 439300 w 1036954"/>
                  <a:gd name="connsiteY55" fmla="*/ 74639 h 229366"/>
                  <a:gd name="connsiteX56" fmla="*/ 714643 w 1036954"/>
                  <a:gd name="connsiteY56" fmla="*/ 177826 h 229366"/>
                  <a:gd name="connsiteX57" fmla="*/ 708345 w 1036954"/>
                  <a:gd name="connsiteY57" fmla="*/ 177826 h 229366"/>
                  <a:gd name="connsiteX58" fmla="*/ 700546 w 1036954"/>
                  <a:gd name="connsiteY58" fmla="*/ 172770 h 229366"/>
                  <a:gd name="connsiteX59" fmla="*/ 698147 w 1036954"/>
                  <a:gd name="connsiteY59" fmla="*/ 162660 h 229366"/>
                  <a:gd name="connsiteX60" fmla="*/ 662754 w 1036954"/>
                  <a:gd name="connsiteY60" fmla="*/ 179907 h 229366"/>
                  <a:gd name="connsiteX61" fmla="*/ 615363 w 1036954"/>
                  <a:gd name="connsiteY61" fmla="*/ 118054 h 229366"/>
                  <a:gd name="connsiteX62" fmla="*/ 629761 w 1036954"/>
                  <a:gd name="connsiteY62" fmla="*/ 69287 h 229366"/>
                  <a:gd name="connsiteX63" fmla="*/ 663654 w 1036954"/>
                  <a:gd name="connsiteY63" fmla="*/ 55608 h 229366"/>
                  <a:gd name="connsiteX64" fmla="*/ 697547 w 1036954"/>
                  <a:gd name="connsiteY64" fmla="*/ 73450 h 229366"/>
                  <a:gd name="connsiteX65" fmla="*/ 697547 w 1036954"/>
                  <a:gd name="connsiteY65" fmla="*/ 5055 h 229366"/>
                  <a:gd name="connsiteX66" fmla="*/ 703845 w 1036954"/>
                  <a:gd name="connsiteY66" fmla="*/ 0 h 229366"/>
                  <a:gd name="connsiteX67" fmla="*/ 714643 w 1036954"/>
                  <a:gd name="connsiteY67" fmla="*/ 0 h 229366"/>
                  <a:gd name="connsiteX68" fmla="*/ 720942 w 1036954"/>
                  <a:gd name="connsiteY68" fmla="*/ 5055 h 229366"/>
                  <a:gd name="connsiteX69" fmla="*/ 720942 w 1036954"/>
                  <a:gd name="connsiteY69" fmla="*/ 172770 h 229366"/>
                  <a:gd name="connsiteX70" fmla="*/ 714643 w 1036954"/>
                  <a:gd name="connsiteY70" fmla="*/ 177826 h 229366"/>
                  <a:gd name="connsiteX71" fmla="*/ 668753 w 1036954"/>
                  <a:gd name="connsiteY71" fmla="*/ 72260 h 229366"/>
                  <a:gd name="connsiteX72" fmla="*/ 648657 w 1036954"/>
                  <a:gd name="connsiteY72" fmla="*/ 82073 h 229366"/>
                  <a:gd name="connsiteX73" fmla="*/ 641159 w 1036954"/>
                  <a:gd name="connsiteY73" fmla="*/ 117757 h 229366"/>
                  <a:gd name="connsiteX74" fmla="*/ 668453 w 1036954"/>
                  <a:gd name="connsiteY74" fmla="*/ 163254 h 229366"/>
                  <a:gd name="connsiteX75" fmla="*/ 697847 w 1036954"/>
                  <a:gd name="connsiteY75" fmla="*/ 118352 h 229366"/>
                  <a:gd name="connsiteX76" fmla="*/ 668753 w 1036954"/>
                  <a:gd name="connsiteY76" fmla="*/ 72260 h 229366"/>
                  <a:gd name="connsiteX77" fmla="*/ 577572 w 1036954"/>
                  <a:gd name="connsiteY77" fmla="*/ 179014 h 229366"/>
                  <a:gd name="connsiteX78" fmla="*/ 559275 w 1036954"/>
                  <a:gd name="connsiteY78" fmla="*/ 179014 h 229366"/>
                  <a:gd name="connsiteX79" fmla="*/ 552077 w 1036954"/>
                  <a:gd name="connsiteY79" fmla="*/ 174852 h 229366"/>
                  <a:gd name="connsiteX80" fmla="*/ 505586 w 1036954"/>
                  <a:gd name="connsiteY80" fmla="*/ 116271 h 229366"/>
                  <a:gd name="connsiteX81" fmla="*/ 505586 w 1036954"/>
                  <a:gd name="connsiteY81" fmla="*/ 173959 h 229366"/>
                  <a:gd name="connsiteX82" fmla="*/ 499287 w 1036954"/>
                  <a:gd name="connsiteY82" fmla="*/ 179014 h 229366"/>
                  <a:gd name="connsiteX83" fmla="*/ 488489 w 1036954"/>
                  <a:gd name="connsiteY83" fmla="*/ 179014 h 229366"/>
                  <a:gd name="connsiteX84" fmla="*/ 482191 w 1036954"/>
                  <a:gd name="connsiteY84" fmla="*/ 173959 h 229366"/>
                  <a:gd name="connsiteX85" fmla="*/ 482191 w 1036954"/>
                  <a:gd name="connsiteY85" fmla="*/ 5650 h 229366"/>
                  <a:gd name="connsiteX86" fmla="*/ 488489 w 1036954"/>
                  <a:gd name="connsiteY86" fmla="*/ 595 h 229366"/>
                  <a:gd name="connsiteX87" fmla="*/ 499287 w 1036954"/>
                  <a:gd name="connsiteY87" fmla="*/ 595 h 229366"/>
                  <a:gd name="connsiteX88" fmla="*/ 505586 w 1036954"/>
                  <a:gd name="connsiteY88" fmla="*/ 5650 h 229366"/>
                  <a:gd name="connsiteX89" fmla="*/ 505586 w 1036954"/>
                  <a:gd name="connsiteY89" fmla="*/ 113891 h 229366"/>
                  <a:gd name="connsiteX90" fmla="*/ 553277 w 1036954"/>
                  <a:gd name="connsiteY90" fmla="*/ 61258 h 229366"/>
                  <a:gd name="connsiteX91" fmla="*/ 561075 w 1036954"/>
                  <a:gd name="connsiteY91" fmla="*/ 57392 h 229366"/>
                  <a:gd name="connsiteX92" fmla="*/ 577272 w 1036954"/>
                  <a:gd name="connsiteY92" fmla="*/ 57392 h 229366"/>
                  <a:gd name="connsiteX93" fmla="*/ 580571 w 1036954"/>
                  <a:gd name="connsiteY93" fmla="*/ 63339 h 229366"/>
                  <a:gd name="connsiteX94" fmla="*/ 529581 w 1036954"/>
                  <a:gd name="connsiteY94" fmla="*/ 113891 h 229366"/>
                  <a:gd name="connsiteX95" fmla="*/ 580571 w 1036954"/>
                  <a:gd name="connsiteY95" fmla="*/ 172472 h 229366"/>
                  <a:gd name="connsiteX96" fmla="*/ 577572 w 1036954"/>
                  <a:gd name="connsiteY96" fmla="*/ 179014 h 229366"/>
                  <a:gd name="connsiteX97" fmla="*/ 898504 w 1036954"/>
                  <a:gd name="connsiteY97" fmla="*/ 62745 h 229366"/>
                  <a:gd name="connsiteX98" fmla="*/ 903908 w 1036954"/>
                  <a:gd name="connsiteY98" fmla="*/ 57689 h 229366"/>
                  <a:gd name="connsiteX99" fmla="*/ 918005 w 1036954"/>
                  <a:gd name="connsiteY99" fmla="*/ 57689 h 229366"/>
                  <a:gd name="connsiteX100" fmla="*/ 925798 w 1036954"/>
                  <a:gd name="connsiteY100" fmla="*/ 62745 h 229366"/>
                  <a:gd name="connsiteX101" fmla="*/ 953992 w 1036954"/>
                  <a:gd name="connsiteY101" fmla="*/ 136194 h 229366"/>
                  <a:gd name="connsiteX102" fmla="*/ 957291 w 1036954"/>
                  <a:gd name="connsiteY102" fmla="*/ 148980 h 229366"/>
                  <a:gd name="connsiteX103" fmla="*/ 962391 w 1036954"/>
                  <a:gd name="connsiteY103" fmla="*/ 131733 h 229366"/>
                  <a:gd name="connsiteX104" fmla="*/ 984887 w 1036954"/>
                  <a:gd name="connsiteY104" fmla="*/ 62745 h 229366"/>
                  <a:gd name="connsiteX105" fmla="*/ 992689 w 1036954"/>
                  <a:gd name="connsiteY105" fmla="*/ 57986 h 229366"/>
                  <a:gd name="connsiteX106" fmla="*/ 1006483 w 1036954"/>
                  <a:gd name="connsiteY106" fmla="*/ 57986 h 229366"/>
                  <a:gd name="connsiteX107" fmla="*/ 1011878 w 1036954"/>
                  <a:gd name="connsiteY107" fmla="*/ 63042 h 229366"/>
                  <a:gd name="connsiteX108" fmla="*/ 965093 w 1036954"/>
                  <a:gd name="connsiteY108" fmla="*/ 196262 h 229366"/>
                  <a:gd name="connsiteX109" fmla="*/ 935098 w 1036954"/>
                  <a:gd name="connsiteY109" fmla="*/ 226593 h 229366"/>
                  <a:gd name="connsiteX110" fmla="*/ 928499 w 1036954"/>
                  <a:gd name="connsiteY110" fmla="*/ 228972 h 229366"/>
                  <a:gd name="connsiteX111" fmla="*/ 920100 w 1036954"/>
                  <a:gd name="connsiteY111" fmla="*/ 226891 h 229366"/>
                  <a:gd name="connsiteX112" fmla="*/ 915606 w 1036954"/>
                  <a:gd name="connsiteY112" fmla="*/ 220052 h 229366"/>
                  <a:gd name="connsiteX113" fmla="*/ 918905 w 1036954"/>
                  <a:gd name="connsiteY113" fmla="*/ 213212 h 229366"/>
                  <a:gd name="connsiteX114" fmla="*/ 923702 w 1036954"/>
                  <a:gd name="connsiteY114" fmla="*/ 211428 h 229366"/>
                  <a:gd name="connsiteX115" fmla="*/ 947991 w 1036954"/>
                  <a:gd name="connsiteY115" fmla="*/ 177826 h 229366"/>
                  <a:gd name="connsiteX116" fmla="*/ 898504 w 1036954"/>
                  <a:gd name="connsiteY116" fmla="*/ 62745 h 229366"/>
                  <a:gd name="connsiteX117" fmla="*/ 817822 w 1036954"/>
                  <a:gd name="connsiteY117" fmla="*/ 55608 h 229366"/>
                  <a:gd name="connsiteX118" fmla="*/ 870613 w 1036954"/>
                  <a:gd name="connsiteY118" fmla="*/ 117460 h 229366"/>
                  <a:gd name="connsiteX119" fmla="*/ 870613 w 1036954"/>
                  <a:gd name="connsiteY119" fmla="*/ 173067 h 229366"/>
                  <a:gd name="connsiteX120" fmla="*/ 864310 w 1036954"/>
                  <a:gd name="connsiteY120" fmla="*/ 178123 h 229366"/>
                  <a:gd name="connsiteX121" fmla="*/ 858014 w 1036954"/>
                  <a:gd name="connsiteY121" fmla="*/ 178123 h 229366"/>
                  <a:gd name="connsiteX122" fmla="*/ 850215 w 1036954"/>
                  <a:gd name="connsiteY122" fmla="*/ 173067 h 229366"/>
                  <a:gd name="connsiteX123" fmla="*/ 847816 w 1036954"/>
                  <a:gd name="connsiteY123" fmla="*/ 162659 h 229366"/>
                  <a:gd name="connsiteX124" fmla="*/ 816022 w 1036954"/>
                  <a:gd name="connsiteY124" fmla="*/ 179907 h 229366"/>
                  <a:gd name="connsiteX125" fmla="*/ 762333 w 1036954"/>
                  <a:gd name="connsiteY125" fmla="*/ 117757 h 229366"/>
                  <a:gd name="connsiteX126" fmla="*/ 817822 w 1036954"/>
                  <a:gd name="connsiteY126" fmla="*/ 55608 h 229366"/>
                  <a:gd name="connsiteX127" fmla="*/ 817222 w 1036954"/>
                  <a:gd name="connsiteY127" fmla="*/ 162957 h 229366"/>
                  <a:gd name="connsiteX128" fmla="*/ 847816 w 1036954"/>
                  <a:gd name="connsiteY128" fmla="*/ 117460 h 229366"/>
                  <a:gd name="connsiteX129" fmla="*/ 817222 w 1036954"/>
                  <a:gd name="connsiteY129" fmla="*/ 72260 h 229366"/>
                  <a:gd name="connsiteX130" fmla="*/ 787529 w 1036954"/>
                  <a:gd name="connsiteY130" fmla="*/ 117460 h 229366"/>
                  <a:gd name="connsiteX131" fmla="*/ 817222 w 1036954"/>
                  <a:gd name="connsiteY131" fmla="*/ 162957 h 229366"/>
                  <a:gd name="connsiteX132" fmla="*/ 1026927 w 1036954"/>
                  <a:gd name="connsiteY132" fmla="*/ 147750 h 229366"/>
                  <a:gd name="connsiteX133" fmla="*/ 1032296 w 1036954"/>
                  <a:gd name="connsiteY133" fmla="*/ 151372 h 229366"/>
                  <a:gd name="connsiteX134" fmla="*/ 1035742 w 1036954"/>
                  <a:gd name="connsiteY134" fmla="*/ 156565 h 229366"/>
                  <a:gd name="connsiteX135" fmla="*/ 1036955 w 1036954"/>
                  <a:gd name="connsiteY135" fmla="*/ 162796 h 229366"/>
                  <a:gd name="connsiteX136" fmla="*/ 1035690 w 1036954"/>
                  <a:gd name="connsiteY136" fmla="*/ 169072 h 229366"/>
                  <a:gd name="connsiteX137" fmla="*/ 1032123 w 1036954"/>
                  <a:gd name="connsiteY137" fmla="*/ 174309 h 229366"/>
                  <a:gd name="connsiteX138" fmla="*/ 1026745 w 1036954"/>
                  <a:gd name="connsiteY138" fmla="*/ 177845 h 229366"/>
                  <a:gd name="connsiteX139" fmla="*/ 1020511 w 1036954"/>
                  <a:gd name="connsiteY139" fmla="*/ 179059 h 229366"/>
                  <a:gd name="connsiteX140" fmla="*/ 1014233 w 1036954"/>
                  <a:gd name="connsiteY140" fmla="*/ 177809 h 229366"/>
                  <a:gd name="connsiteX141" fmla="*/ 1008856 w 1036954"/>
                  <a:gd name="connsiteY141" fmla="*/ 174134 h 229366"/>
                  <a:gd name="connsiteX142" fmla="*/ 1005383 w 1036954"/>
                  <a:gd name="connsiteY142" fmla="*/ 168935 h 229366"/>
                  <a:gd name="connsiteX143" fmla="*/ 1004145 w 1036954"/>
                  <a:gd name="connsiteY143" fmla="*/ 162796 h 229366"/>
                  <a:gd name="connsiteX144" fmla="*/ 1004743 w 1036954"/>
                  <a:gd name="connsiteY144" fmla="*/ 158438 h 229366"/>
                  <a:gd name="connsiteX145" fmla="*/ 1006552 w 1036954"/>
                  <a:gd name="connsiteY145" fmla="*/ 154326 h 229366"/>
                  <a:gd name="connsiteX146" fmla="*/ 1012415 w 1036954"/>
                  <a:gd name="connsiteY146" fmla="*/ 148552 h 229366"/>
                  <a:gd name="connsiteX147" fmla="*/ 1020511 w 1036954"/>
                  <a:gd name="connsiteY147" fmla="*/ 146488 h 229366"/>
                  <a:gd name="connsiteX148" fmla="*/ 1026927 w 1036954"/>
                  <a:gd name="connsiteY148" fmla="*/ 147750 h 229366"/>
                  <a:gd name="connsiteX149" fmla="*/ 1015359 w 1036954"/>
                  <a:gd name="connsiteY149" fmla="*/ 150169 h 229366"/>
                  <a:gd name="connsiteX150" fmla="*/ 1011029 w 1036954"/>
                  <a:gd name="connsiteY150" fmla="*/ 153032 h 229366"/>
                  <a:gd name="connsiteX151" fmla="*/ 1007938 w 1036954"/>
                  <a:gd name="connsiteY151" fmla="*/ 157544 h 229366"/>
                  <a:gd name="connsiteX152" fmla="*/ 1006864 w 1036954"/>
                  <a:gd name="connsiteY152" fmla="*/ 162752 h 229366"/>
                  <a:gd name="connsiteX153" fmla="*/ 1007851 w 1036954"/>
                  <a:gd name="connsiteY153" fmla="*/ 167900 h 229366"/>
                  <a:gd name="connsiteX154" fmla="*/ 1010795 w 1036954"/>
                  <a:gd name="connsiteY154" fmla="*/ 172240 h 229366"/>
                  <a:gd name="connsiteX155" fmla="*/ 1015272 w 1036954"/>
                  <a:gd name="connsiteY155" fmla="*/ 175292 h 229366"/>
                  <a:gd name="connsiteX156" fmla="*/ 1020511 w 1036954"/>
                  <a:gd name="connsiteY156" fmla="*/ 176360 h 229366"/>
                  <a:gd name="connsiteX157" fmla="*/ 1025663 w 1036954"/>
                  <a:gd name="connsiteY157" fmla="*/ 175336 h 229366"/>
                  <a:gd name="connsiteX158" fmla="*/ 1030226 w 1036954"/>
                  <a:gd name="connsiteY158" fmla="*/ 172382 h 229366"/>
                  <a:gd name="connsiteX159" fmla="*/ 1033197 w 1036954"/>
                  <a:gd name="connsiteY159" fmla="*/ 168089 h 229366"/>
                  <a:gd name="connsiteX160" fmla="*/ 1034244 w 1036954"/>
                  <a:gd name="connsiteY160" fmla="*/ 163019 h 229366"/>
                  <a:gd name="connsiteX161" fmla="*/ 1033257 w 1036954"/>
                  <a:gd name="connsiteY161" fmla="*/ 157657 h 229366"/>
                  <a:gd name="connsiteX162" fmla="*/ 1030365 w 1036954"/>
                  <a:gd name="connsiteY162" fmla="*/ 153255 h 229366"/>
                  <a:gd name="connsiteX163" fmla="*/ 1025888 w 1036954"/>
                  <a:gd name="connsiteY163" fmla="*/ 150202 h 229366"/>
                  <a:gd name="connsiteX164" fmla="*/ 1020563 w 1036954"/>
                  <a:gd name="connsiteY164" fmla="*/ 149167 h 229366"/>
                  <a:gd name="connsiteX165" fmla="*/ 1015359 w 1036954"/>
                  <a:gd name="connsiteY165" fmla="*/ 150169 h 229366"/>
                  <a:gd name="connsiteX166" fmla="*/ 1020875 w 1036954"/>
                  <a:gd name="connsiteY166" fmla="*/ 153423 h 229366"/>
                  <a:gd name="connsiteX167" fmla="*/ 1026693 w 1036954"/>
                  <a:gd name="connsiteY167" fmla="*/ 154736 h 229366"/>
                  <a:gd name="connsiteX168" fmla="*/ 1028633 w 1036954"/>
                  <a:gd name="connsiteY168" fmla="*/ 158640 h 229366"/>
                  <a:gd name="connsiteX169" fmla="*/ 1027594 w 1036954"/>
                  <a:gd name="connsiteY169" fmla="*/ 161668 h 229366"/>
                  <a:gd name="connsiteX170" fmla="*/ 1024667 w 1036954"/>
                  <a:gd name="connsiteY170" fmla="*/ 163419 h 229366"/>
                  <a:gd name="connsiteX171" fmla="*/ 1028737 w 1036954"/>
                  <a:gd name="connsiteY171" fmla="*/ 171489 h 229366"/>
                  <a:gd name="connsiteX172" fmla="*/ 1023810 w 1036954"/>
                  <a:gd name="connsiteY172" fmla="*/ 171489 h 229366"/>
                  <a:gd name="connsiteX173" fmla="*/ 1020338 w 1036954"/>
                  <a:gd name="connsiteY173" fmla="*/ 164103 h 229366"/>
                  <a:gd name="connsiteX174" fmla="*/ 1018164 w 1036954"/>
                  <a:gd name="connsiteY174" fmla="*/ 164103 h 229366"/>
                  <a:gd name="connsiteX175" fmla="*/ 1018164 w 1036954"/>
                  <a:gd name="connsiteY175" fmla="*/ 171489 h 229366"/>
                  <a:gd name="connsiteX176" fmla="*/ 1013722 w 1036954"/>
                  <a:gd name="connsiteY176" fmla="*/ 171489 h 229366"/>
                  <a:gd name="connsiteX177" fmla="*/ 1013722 w 1036954"/>
                  <a:gd name="connsiteY177" fmla="*/ 153423 h 229366"/>
                  <a:gd name="connsiteX178" fmla="*/ 1020875 w 1036954"/>
                  <a:gd name="connsiteY178" fmla="*/ 153423 h 229366"/>
                  <a:gd name="connsiteX179" fmla="*/ 1018164 w 1036954"/>
                  <a:gd name="connsiteY179" fmla="*/ 161449 h 229366"/>
                  <a:gd name="connsiteX180" fmla="*/ 1020338 w 1036954"/>
                  <a:gd name="connsiteY180" fmla="*/ 161449 h 229366"/>
                  <a:gd name="connsiteX181" fmla="*/ 1023178 w 1036954"/>
                  <a:gd name="connsiteY181" fmla="*/ 160822 h 229366"/>
                  <a:gd name="connsiteX182" fmla="*/ 1024078 w 1036954"/>
                  <a:gd name="connsiteY182" fmla="*/ 158904 h 229366"/>
                  <a:gd name="connsiteX183" fmla="*/ 1023135 w 1036954"/>
                  <a:gd name="connsiteY183" fmla="*/ 156879 h 229366"/>
                  <a:gd name="connsiteX184" fmla="*/ 1020104 w 1036954"/>
                  <a:gd name="connsiteY184" fmla="*/ 156208 h 229366"/>
                  <a:gd name="connsiteX185" fmla="*/ 1018164 w 1036954"/>
                  <a:gd name="connsiteY185" fmla="*/ 156208 h 229366"/>
                  <a:gd name="connsiteX186" fmla="*/ 1018164 w 1036954"/>
                  <a:gd name="connsiteY186" fmla="*/ 161449 h 22936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 ang="0">
                    <a:pos x="connsiteX76" y="connsiteY76"/>
                  </a:cxn>
                  <a:cxn ang="0">
                    <a:pos x="connsiteX77" y="connsiteY77"/>
                  </a:cxn>
                  <a:cxn ang="0">
                    <a:pos x="connsiteX78" y="connsiteY78"/>
                  </a:cxn>
                  <a:cxn ang="0">
                    <a:pos x="connsiteX79" y="connsiteY79"/>
                  </a:cxn>
                  <a:cxn ang="0">
                    <a:pos x="connsiteX80" y="connsiteY80"/>
                  </a:cxn>
                  <a:cxn ang="0">
                    <a:pos x="connsiteX81" y="connsiteY81"/>
                  </a:cxn>
                  <a:cxn ang="0">
                    <a:pos x="connsiteX82" y="connsiteY82"/>
                  </a:cxn>
                  <a:cxn ang="0">
                    <a:pos x="connsiteX83" y="connsiteY83"/>
                  </a:cxn>
                  <a:cxn ang="0">
                    <a:pos x="connsiteX84" y="connsiteY84"/>
                  </a:cxn>
                  <a:cxn ang="0">
                    <a:pos x="connsiteX85" y="connsiteY85"/>
                  </a:cxn>
                  <a:cxn ang="0">
                    <a:pos x="connsiteX86" y="connsiteY86"/>
                  </a:cxn>
                  <a:cxn ang="0">
                    <a:pos x="connsiteX87" y="connsiteY87"/>
                  </a:cxn>
                  <a:cxn ang="0">
                    <a:pos x="connsiteX88" y="connsiteY88"/>
                  </a:cxn>
                  <a:cxn ang="0">
                    <a:pos x="connsiteX89" y="connsiteY89"/>
                  </a:cxn>
                  <a:cxn ang="0">
                    <a:pos x="connsiteX90" y="connsiteY90"/>
                  </a:cxn>
                  <a:cxn ang="0">
                    <a:pos x="connsiteX91" y="connsiteY91"/>
                  </a:cxn>
                  <a:cxn ang="0">
                    <a:pos x="connsiteX92" y="connsiteY92"/>
                  </a:cxn>
                  <a:cxn ang="0">
                    <a:pos x="connsiteX93" y="connsiteY93"/>
                  </a:cxn>
                  <a:cxn ang="0">
                    <a:pos x="connsiteX94" y="connsiteY94"/>
                  </a:cxn>
                  <a:cxn ang="0">
                    <a:pos x="connsiteX95" y="connsiteY95"/>
                  </a:cxn>
                  <a:cxn ang="0">
                    <a:pos x="connsiteX96" y="connsiteY96"/>
                  </a:cxn>
                  <a:cxn ang="0">
                    <a:pos x="connsiteX97" y="connsiteY97"/>
                  </a:cxn>
                  <a:cxn ang="0">
                    <a:pos x="connsiteX98" y="connsiteY98"/>
                  </a:cxn>
                  <a:cxn ang="0">
                    <a:pos x="connsiteX99" y="connsiteY99"/>
                  </a:cxn>
                  <a:cxn ang="0">
                    <a:pos x="connsiteX100" y="connsiteY100"/>
                  </a:cxn>
                  <a:cxn ang="0">
                    <a:pos x="connsiteX101" y="connsiteY101"/>
                  </a:cxn>
                  <a:cxn ang="0">
                    <a:pos x="connsiteX102" y="connsiteY102"/>
                  </a:cxn>
                  <a:cxn ang="0">
                    <a:pos x="connsiteX103" y="connsiteY103"/>
                  </a:cxn>
                  <a:cxn ang="0">
                    <a:pos x="connsiteX104" y="connsiteY104"/>
                  </a:cxn>
                  <a:cxn ang="0">
                    <a:pos x="connsiteX105" y="connsiteY105"/>
                  </a:cxn>
                  <a:cxn ang="0">
                    <a:pos x="connsiteX106" y="connsiteY106"/>
                  </a:cxn>
                  <a:cxn ang="0">
                    <a:pos x="connsiteX107" y="connsiteY107"/>
                  </a:cxn>
                  <a:cxn ang="0">
                    <a:pos x="connsiteX108" y="connsiteY108"/>
                  </a:cxn>
                  <a:cxn ang="0">
                    <a:pos x="connsiteX109" y="connsiteY109"/>
                  </a:cxn>
                  <a:cxn ang="0">
                    <a:pos x="connsiteX110" y="connsiteY110"/>
                  </a:cxn>
                  <a:cxn ang="0">
                    <a:pos x="connsiteX111" y="connsiteY111"/>
                  </a:cxn>
                  <a:cxn ang="0">
                    <a:pos x="connsiteX112" y="connsiteY112"/>
                  </a:cxn>
                  <a:cxn ang="0">
                    <a:pos x="connsiteX113" y="connsiteY113"/>
                  </a:cxn>
                  <a:cxn ang="0">
                    <a:pos x="connsiteX114" y="connsiteY114"/>
                  </a:cxn>
                  <a:cxn ang="0">
                    <a:pos x="connsiteX115" y="connsiteY115"/>
                  </a:cxn>
                  <a:cxn ang="0">
                    <a:pos x="connsiteX116" y="connsiteY116"/>
                  </a:cxn>
                  <a:cxn ang="0">
                    <a:pos x="connsiteX117" y="connsiteY117"/>
                  </a:cxn>
                  <a:cxn ang="0">
                    <a:pos x="connsiteX118" y="connsiteY118"/>
                  </a:cxn>
                  <a:cxn ang="0">
                    <a:pos x="connsiteX119" y="connsiteY119"/>
                  </a:cxn>
                  <a:cxn ang="0">
                    <a:pos x="connsiteX120" y="connsiteY120"/>
                  </a:cxn>
                  <a:cxn ang="0">
                    <a:pos x="connsiteX121" y="connsiteY121"/>
                  </a:cxn>
                  <a:cxn ang="0">
                    <a:pos x="connsiteX122" y="connsiteY122"/>
                  </a:cxn>
                  <a:cxn ang="0">
                    <a:pos x="connsiteX123" y="connsiteY123"/>
                  </a:cxn>
                  <a:cxn ang="0">
                    <a:pos x="connsiteX124" y="connsiteY124"/>
                  </a:cxn>
                  <a:cxn ang="0">
                    <a:pos x="connsiteX125" y="connsiteY125"/>
                  </a:cxn>
                  <a:cxn ang="0">
                    <a:pos x="connsiteX126" y="connsiteY126"/>
                  </a:cxn>
                  <a:cxn ang="0">
                    <a:pos x="connsiteX127" y="connsiteY127"/>
                  </a:cxn>
                  <a:cxn ang="0">
                    <a:pos x="connsiteX128" y="connsiteY128"/>
                  </a:cxn>
                  <a:cxn ang="0">
                    <a:pos x="connsiteX129" y="connsiteY129"/>
                  </a:cxn>
                  <a:cxn ang="0">
                    <a:pos x="connsiteX130" y="connsiteY130"/>
                  </a:cxn>
                  <a:cxn ang="0">
                    <a:pos x="connsiteX131" y="connsiteY131"/>
                  </a:cxn>
                  <a:cxn ang="0">
                    <a:pos x="connsiteX132" y="connsiteY132"/>
                  </a:cxn>
                  <a:cxn ang="0">
                    <a:pos x="connsiteX133" y="connsiteY133"/>
                  </a:cxn>
                  <a:cxn ang="0">
                    <a:pos x="connsiteX134" y="connsiteY134"/>
                  </a:cxn>
                  <a:cxn ang="0">
                    <a:pos x="connsiteX135" y="connsiteY135"/>
                  </a:cxn>
                  <a:cxn ang="0">
                    <a:pos x="connsiteX136" y="connsiteY136"/>
                  </a:cxn>
                  <a:cxn ang="0">
                    <a:pos x="connsiteX137" y="connsiteY137"/>
                  </a:cxn>
                  <a:cxn ang="0">
                    <a:pos x="connsiteX138" y="connsiteY138"/>
                  </a:cxn>
                  <a:cxn ang="0">
                    <a:pos x="connsiteX139" y="connsiteY139"/>
                  </a:cxn>
                  <a:cxn ang="0">
                    <a:pos x="connsiteX140" y="connsiteY140"/>
                  </a:cxn>
                  <a:cxn ang="0">
                    <a:pos x="connsiteX141" y="connsiteY141"/>
                  </a:cxn>
                  <a:cxn ang="0">
                    <a:pos x="connsiteX142" y="connsiteY142"/>
                  </a:cxn>
                  <a:cxn ang="0">
                    <a:pos x="connsiteX143" y="connsiteY143"/>
                  </a:cxn>
                  <a:cxn ang="0">
                    <a:pos x="connsiteX144" y="connsiteY144"/>
                  </a:cxn>
                  <a:cxn ang="0">
                    <a:pos x="connsiteX145" y="connsiteY145"/>
                  </a:cxn>
                  <a:cxn ang="0">
                    <a:pos x="connsiteX146" y="connsiteY146"/>
                  </a:cxn>
                  <a:cxn ang="0">
                    <a:pos x="connsiteX147" y="connsiteY147"/>
                  </a:cxn>
                  <a:cxn ang="0">
                    <a:pos x="connsiteX148" y="connsiteY148"/>
                  </a:cxn>
                  <a:cxn ang="0">
                    <a:pos x="connsiteX149" y="connsiteY149"/>
                  </a:cxn>
                  <a:cxn ang="0">
                    <a:pos x="connsiteX150" y="connsiteY150"/>
                  </a:cxn>
                  <a:cxn ang="0">
                    <a:pos x="connsiteX151" y="connsiteY151"/>
                  </a:cxn>
                  <a:cxn ang="0">
                    <a:pos x="connsiteX152" y="connsiteY152"/>
                  </a:cxn>
                  <a:cxn ang="0">
                    <a:pos x="connsiteX153" y="connsiteY153"/>
                  </a:cxn>
                  <a:cxn ang="0">
                    <a:pos x="connsiteX154" y="connsiteY154"/>
                  </a:cxn>
                  <a:cxn ang="0">
                    <a:pos x="connsiteX155" y="connsiteY155"/>
                  </a:cxn>
                  <a:cxn ang="0">
                    <a:pos x="connsiteX156" y="connsiteY156"/>
                  </a:cxn>
                  <a:cxn ang="0">
                    <a:pos x="connsiteX157" y="connsiteY157"/>
                  </a:cxn>
                  <a:cxn ang="0">
                    <a:pos x="connsiteX158" y="connsiteY158"/>
                  </a:cxn>
                  <a:cxn ang="0">
                    <a:pos x="connsiteX159" y="connsiteY159"/>
                  </a:cxn>
                  <a:cxn ang="0">
                    <a:pos x="connsiteX160" y="connsiteY160"/>
                  </a:cxn>
                  <a:cxn ang="0">
                    <a:pos x="connsiteX161" y="connsiteY161"/>
                  </a:cxn>
                  <a:cxn ang="0">
                    <a:pos x="connsiteX162" y="connsiteY162"/>
                  </a:cxn>
                  <a:cxn ang="0">
                    <a:pos x="connsiteX163" y="connsiteY163"/>
                  </a:cxn>
                  <a:cxn ang="0">
                    <a:pos x="connsiteX164" y="connsiteY164"/>
                  </a:cxn>
                  <a:cxn ang="0">
                    <a:pos x="connsiteX165" y="connsiteY165"/>
                  </a:cxn>
                  <a:cxn ang="0">
                    <a:pos x="connsiteX166" y="connsiteY166"/>
                  </a:cxn>
                  <a:cxn ang="0">
                    <a:pos x="connsiteX167" y="connsiteY167"/>
                  </a:cxn>
                  <a:cxn ang="0">
                    <a:pos x="connsiteX168" y="connsiteY168"/>
                  </a:cxn>
                  <a:cxn ang="0">
                    <a:pos x="connsiteX169" y="connsiteY169"/>
                  </a:cxn>
                  <a:cxn ang="0">
                    <a:pos x="connsiteX170" y="connsiteY170"/>
                  </a:cxn>
                  <a:cxn ang="0">
                    <a:pos x="connsiteX171" y="connsiteY171"/>
                  </a:cxn>
                  <a:cxn ang="0">
                    <a:pos x="connsiteX172" y="connsiteY172"/>
                  </a:cxn>
                  <a:cxn ang="0">
                    <a:pos x="connsiteX173" y="connsiteY173"/>
                  </a:cxn>
                  <a:cxn ang="0">
                    <a:pos x="connsiteX174" y="connsiteY174"/>
                  </a:cxn>
                  <a:cxn ang="0">
                    <a:pos x="connsiteX175" y="connsiteY175"/>
                  </a:cxn>
                  <a:cxn ang="0">
                    <a:pos x="connsiteX176" y="connsiteY176"/>
                  </a:cxn>
                  <a:cxn ang="0">
                    <a:pos x="connsiteX177" y="connsiteY177"/>
                  </a:cxn>
                  <a:cxn ang="0">
                    <a:pos x="connsiteX178" y="connsiteY178"/>
                  </a:cxn>
                  <a:cxn ang="0">
                    <a:pos x="connsiteX179" y="connsiteY179"/>
                  </a:cxn>
                  <a:cxn ang="0">
                    <a:pos x="connsiteX180" y="connsiteY180"/>
                  </a:cxn>
                  <a:cxn ang="0">
                    <a:pos x="connsiteX181" y="connsiteY181"/>
                  </a:cxn>
                  <a:cxn ang="0">
                    <a:pos x="connsiteX182" y="connsiteY182"/>
                  </a:cxn>
                  <a:cxn ang="0">
                    <a:pos x="connsiteX183" y="connsiteY183"/>
                  </a:cxn>
                  <a:cxn ang="0">
                    <a:pos x="connsiteX184" y="connsiteY184"/>
                  </a:cxn>
                  <a:cxn ang="0">
                    <a:pos x="connsiteX185" y="connsiteY185"/>
                  </a:cxn>
                  <a:cxn ang="0">
                    <a:pos x="connsiteX186" y="connsiteY186"/>
                  </a:cxn>
                </a:cxnLst>
                <a:rect l="l" t="t" r="r" b="b"/>
                <a:pathLst>
                  <a:path w="1036954" h="229366">
                    <a:moveTo>
                      <a:pt x="151659" y="174554"/>
                    </a:moveTo>
                    <a:cubicBezTo>
                      <a:pt x="150760" y="177231"/>
                      <a:pt x="148660" y="179014"/>
                      <a:pt x="144761" y="179014"/>
                    </a:cubicBezTo>
                    <a:lnTo>
                      <a:pt x="122865" y="179014"/>
                    </a:lnTo>
                    <a:cubicBezTo>
                      <a:pt x="119266" y="179014"/>
                      <a:pt x="117466" y="178123"/>
                      <a:pt x="116567" y="174554"/>
                    </a:cubicBezTo>
                    <a:lnTo>
                      <a:pt x="95871" y="97536"/>
                    </a:lnTo>
                    <a:cubicBezTo>
                      <a:pt x="93772" y="89805"/>
                      <a:pt x="92872" y="80587"/>
                      <a:pt x="91672" y="71665"/>
                    </a:cubicBezTo>
                    <a:cubicBezTo>
                      <a:pt x="90772" y="80884"/>
                      <a:pt x="89572" y="90102"/>
                      <a:pt x="87473" y="97536"/>
                    </a:cubicBezTo>
                    <a:lnTo>
                      <a:pt x="66177" y="174554"/>
                    </a:lnTo>
                    <a:cubicBezTo>
                      <a:pt x="65577" y="177231"/>
                      <a:pt x="63178" y="179014"/>
                      <a:pt x="59278" y="179014"/>
                    </a:cubicBezTo>
                    <a:lnTo>
                      <a:pt x="37083" y="179014"/>
                    </a:lnTo>
                    <a:cubicBezTo>
                      <a:pt x="33484" y="179014"/>
                      <a:pt x="31684" y="178123"/>
                      <a:pt x="30784" y="174554"/>
                    </a:cubicBezTo>
                    <a:lnTo>
                      <a:pt x="191" y="63636"/>
                    </a:lnTo>
                    <a:cubicBezTo>
                      <a:pt x="-709" y="59770"/>
                      <a:pt x="1690" y="57689"/>
                      <a:pt x="4990" y="57689"/>
                    </a:cubicBezTo>
                    <a:lnTo>
                      <a:pt x="19087" y="57689"/>
                    </a:lnTo>
                    <a:cubicBezTo>
                      <a:pt x="22986" y="57689"/>
                      <a:pt x="25086" y="58878"/>
                      <a:pt x="25985" y="62745"/>
                    </a:cubicBezTo>
                    <a:lnTo>
                      <a:pt x="45181" y="141844"/>
                    </a:lnTo>
                    <a:cubicBezTo>
                      <a:pt x="47281" y="150765"/>
                      <a:pt x="47881" y="160281"/>
                      <a:pt x="48781" y="168904"/>
                    </a:cubicBezTo>
                    <a:cubicBezTo>
                      <a:pt x="50280" y="160578"/>
                      <a:pt x="51480" y="150765"/>
                      <a:pt x="53880" y="142141"/>
                    </a:cubicBezTo>
                    <a:lnTo>
                      <a:pt x="75175" y="62447"/>
                    </a:lnTo>
                    <a:cubicBezTo>
                      <a:pt x="76075" y="59176"/>
                      <a:pt x="78774" y="57689"/>
                      <a:pt x="82374" y="57689"/>
                    </a:cubicBezTo>
                    <a:lnTo>
                      <a:pt x="99770" y="57689"/>
                    </a:lnTo>
                    <a:cubicBezTo>
                      <a:pt x="103369" y="57689"/>
                      <a:pt x="106369" y="59473"/>
                      <a:pt x="107269" y="62745"/>
                    </a:cubicBezTo>
                    <a:lnTo>
                      <a:pt x="128864" y="142141"/>
                    </a:lnTo>
                    <a:cubicBezTo>
                      <a:pt x="131264" y="150765"/>
                      <a:pt x="132463" y="160281"/>
                      <a:pt x="133663" y="168904"/>
                    </a:cubicBezTo>
                    <a:cubicBezTo>
                      <a:pt x="134863" y="160578"/>
                      <a:pt x="136063" y="150765"/>
                      <a:pt x="137862" y="142141"/>
                    </a:cubicBezTo>
                    <a:lnTo>
                      <a:pt x="155559" y="62447"/>
                    </a:lnTo>
                    <a:cubicBezTo>
                      <a:pt x="156159" y="59176"/>
                      <a:pt x="159158" y="57689"/>
                      <a:pt x="162757" y="57689"/>
                    </a:cubicBezTo>
                    <a:lnTo>
                      <a:pt x="175954" y="57689"/>
                    </a:lnTo>
                    <a:cubicBezTo>
                      <a:pt x="179254" y="57689"/>
                      <a:pt x="181654" y="59770"/>
                      <a:pt x="180754" y="63636"/>
                    </a:cubicBezTo>
                    <a:lnTo>
                      <a:pt x="151659" y="174554"/>
                    </a:lnTo>
                    <a:close/>
                    <a:moveTo>
                      <a:pt x="269535" y="180204"/>
                    </a:moveTo>
                    <a:cubicBezTo>
                      <a:pt x="234442" y="180204"/>
                      <a:pt x="211647" y="156415"/>
                      <a:pt x="211647" y="117460"/>
                    </a:cubicBezTo>
                    <a:cubicBezTo>
                      <a:pt x="211647" y="78802"/>
                      <a:pt x="234442" y="55608"/>
                      <a:pt x="269535" y="55608"/>
                    </a:cubicBezTo>
                    <a:cubicBezTo>
                      <a:pt x="304628" y="55608"/>
                      <a:pt x="326823" y="79100"/>
                      <a:pt x="326823" y="117460"/>
                    </a:cubicBezTo>
                    <a:cubicBezTo>
                      <a:pt x="326823" y="156415"/>
                      <a:pt x="304628" y="180204"/>
                      <a:pt x="269535" y="180204"/>
                    </a:cubicBezTo>
                    <a:close/>
                    <a:moveTo>
                      <a:pt x="268936" y="72557"/>
                    </a:moveTo>
                    <a:cubicBezTo>
                      <a:pt x="248239" y="72557"/>
                      <a:pt x="236542" y="87426"/>
                      <a:pt x="236542" y="117757"/>
                    </a:cubicBezTo>
                    <a:cubicBezTo>
                      <a:pt x="236542" y="148683"/>
                      <a:pt x="247940" y="163849"/>
                      <a:pt x="268936" y="163849"/>
                    </a:cubicBezTo>
                    <a:cubicBezTo>
                      <a:pt x="289631" y="163849"/>
                      <a:pt x="301328" y="148980"/>
                      <a:pt x="301328" y="117757"/>
                    </a:cubicBezTo>
                    <a:cubicBezTo>
                      <a:pt x="301029" y="87426"/>
                      <a:pt x="289631" y="72557"/>
                      <a:pt x="268936" y="72557"/>
                    </a:cubicBezTo>
                    <a:close/>
                    <a:moveTo>
                      <a:pt x="439300" y="74639"/>
                    </a:moveTo>
                    <a:cubicBezTo>
                      <a:pt x="438400" y="78207"/>
                      <a:pt x="435701" y="80289"/>
                      <a:pt x="430602" y="79100"/>
                    </a:cubicBezTo>
                    <a:cubicBezTo>
                      <a:pt x="426403" y="78207"/>
                      <a:pt x="419504" y="76423"/>
                      <a:pt x="413806" y="76423"/>
                    </a:cubicBezTo>
                    <a:cubicBezTo>
                      <a:pt x="405107" y="76423"/>
                      <a:pt x="393410" y="86236"/>
                      <a:pt x="393410" y="108241"/>
                    </a:cubicBezTo>
                    <a:lnTo>
                      <a:pt x="393410" y="173959"/>
                    </a:lnTo>
                    <a:cubicBezTo>
                      <a:pt x="393410" y="176636"/>
                      <a:pt x="390410" y="179014"/>
                      <a:pt x="387110" y="179014"/>
                    </a:cubicBezTo>
                    <a:lnTo>
                      <a:pt x="375713" y="179014"/>
                    </a:lnTo>
                    <a:cubicBezTo>
                      <a:pt x="372413" y="179014"/>
                      <a:pt x="369415" y="176636"/>
                      <a:pt x="369415" y="173959"/>
                    </a:cubicBezTo>
                    <a:lnTo>
                      <a:pt x="369415" y="62745"/>
                    </a:lnTo>
                    <a:cubicBezTo>
                      <a:pt x="369415" y="59770"/>
                      <a:pt x="372413" y="57689"/>
                      <a:pt x="375713" y="57689"/>
                    </a:cubicBezTo>
                    <a:lnTo>
                      <a:pt x="382612" y="57689"/>
                    </a:lnTo>
                    <a:cubicBezTo>
                      <a:pt x="385611" y="57689"/>
                      <a:pt x="388011" y="58878"/>
                      <a:pt x="388911" y="61555"/>
                    </a:cubicBezTo>
                    <a:lnTo>
                      <a:pt x="393109" y="75234"/>
                    </a:lnTo>
                    <a:cubicBezTo>
                      <a:pt x="401508" y="63339"/>
                      <a:pt x="412906" y="55905"/>
                      <a:pt x="427003" y="55905"/>
                    </a:cubicBezTo>
                    <a:cubicBezTo>
                      <a:pt x="436601" y="55905"/>
                      <a:pt x="444099" y="59770"/>
                      <a:pt x="442600" y="64826"/>
                    </a:cubicBezTo>
                    <a:lnTo>
                      <a:pt x="439300" y="74639"/>
                    </a:lnTo>
                    <a:close/>
                    <a:moveTo>
                      <a:pt x="714643" y="177826"/>
                    </a:moveTo>
                    <a:lnTo>
                      <a:pt x="708345" y="177826"/>
                    </a:lnTo>
                    <a:cubicBezTo>
                      <a:pt x="703845" y="177826"/>
                      <a:pt x="701446" y="176339"/>
                      <a:pt x="700546" y="172770"/>
                    </a:cubicBezTo>
                    <a:lnTo>
                      <a:pt x="698147" y="162660"/>
                    </a:lnTo>
                    <a:cubicBezTo>
                      <a:pt x="689449" y="174852"/>
                      <a:pt x="678651" y="179907"/>
                      <a:pt x="662754" y="179907"/>
                    </a:cubicBezTo>
                    <a:cubicBezTo>
                      <a:pt x="631560" y="179907"/>
                      <a:pt x="615363" y="158794"/>
                      <a:pt x="615363" y="118054"/>
                    </a:cubicBezTo>
                    <a:cubicBezTo>
                      <a:pt x="615363" y="93076"/>
                      <a:pt x="619563" y="80884"/>
                      <a:pt x="629761" y="69287"/>
                    </a:cubicBezTo>
                    <a:cubicBezTo>
                      <a:pt x="637559" y="60366"/>
                      <a:pt x="650457" y="55608"/>
                      <a:pt x="663654" y="55608"/>
                    </a:cubicBezTo>
                    <a:cubicBezTo>
                      <a:pt x="678351" y="55608"/>
                      <a:pt x="689449" y="61555"/>
                      <a:pt x="697547" y="73450"/>
                    </a:cubicBezTo>
                    <a:lnTo>
                      <a:pt x="697547" y="5055"/>
                    </a:lnTo>
                    <a:cubicBezTo>
                      <a:pt x="697547" y="2082"/>
                      <a:pt x="700546" y="0"/>
                      <a:pt x="703845" y="0"/>
                    </a:cubicBezTo>
                    <a:lnTo>
                      <a:pt x="714643" y="0"/>
                    </a:lnTo>
                    <a:cubicBezTo>
                      <a:pt x="717942" y="0"/>
                      <a:pt x="720942" y="2082"/>
                      <a:pt x="720942" y="5055"/>
                    </a:cubicBezTo>
                    <a:lnTo>
                      <a:pt x="720942" y="172770"/>
                    </a:lnTo>
                    <a:cubicBezTo>
                      <a:pt x="720942" y="175744"/>
                      <a:pt x="717942" y="177826"/>
                      <a:pt x="714643" y="177826"/>
                    </a:cubicBezTo>
                    <a:close/>
                    <a:moveTo>
                      <a:pt x="668753" y="72260"/>
                    </a:moveTo>
                    <a:cubicBezTo>
                      <a:pt x="659755" y="72260"/>
                      <a:pt x="652856" y="75531"/>
                      <a:pt x="648657" y="82073"/>
                    </a:cubicBezTo>
                    <a:cubicBezTo>
                      <a:pt x="644458" y="88615"/>
                      <a:pt x="641159" y="99321"/>
                      <a:pt x="641159" y="117757"/>
                    </a:cubicBezTo>
                    <a:cubicBezTo>
                      <a:pt x="641159" y="149873"/>
                      <a:pt x="649556" y="163254"/>
                      <a:pt x="668453" y="163254"/>
                    </a:cubicBezTo>
                    <a:cubicBezTo>
                      <a:pt x="687949" y="163254"/>
                      <a:pt x="697847" y="148683"/>
                      <a:pt x="697847" y="118352"/>
                    </a:cubicBezTo>
                    <a:cubicBezTo>
                      <a:pt x="698147" y="88318"/>
                      <a:pt x="687349" y="72260"/>
                      <a:pt x="668753" y="72260"/>
                    </a:cubicBezTo>
                    <a:close/>
                    <a:moveTo>
                      <a:pt x="577572" y="179014"/>
                    </a:moveTo>
                    <a:lnTo>
                      <a:pt x="559275" y="179014"/>
                    </a:lnTo>
                    <a:cubicBezTo>
                      <a:pt x="556276" y="179014"/>
                      <a:pt x="553877" y="177231"/>
                      <a:pt x="552077" y="174852"/>
                    </a:cubicBezTo>
                    <a:lnTo>
                      <a:pt x="505586" y="116271"/>
                    </a:lnTo>
                    <a:lnTo>
                      <a:pt x="505586" y="173959"/>
                    </a:lnTo>
                    <a:cubicBezTo>
                      <a:pt x="505586" y="176636"/>
                      <a:pt x="502587" y="179014"/>
                      <a:pt x="499287" y="179014"/>
                    </a:cubicBezTo>
                    <a:lnTo>
                      <a:pt x="488489" y="179014"/>
                    </a:lnTo>
                    <a:cubicBezTo>
                      <a:pt x="485190" y="179014"/>
                      <a:pt x="482191" y="176636"/>
                      <a:pt x="482191" y="173959"/>
                    </a:cubicBezTo>
                    <a:lnTo>
                      <a:pt x="482191" y="5650"/>
                    </a:lnTo>
                    <a:cubicBezTo>
                      <a:pt x="482191" y="2677"/>
                      <a:pt x="485190" y="595"/>
                      <a:pt x="488489" y="595"/>
                    </a:cubicBezTo>
                    <a:lnTo>
                      <a:pt x="499287" y="595"/>
                    </a:lnTo>
                    <a:cubicBezTo>
                      <a:pt x="502587" y="595"/>
                      <a:pt x="505586" y="2677"/>
                      <a:pt x="505586" y="5650"/>
                    </a:cubicBezTo>
                    <a:lnTo>
                      <a:pt x="505586" y="113891"/>
                    </a:lnTo>
                    <a:lnTo>
                      <a:pt x="553277" y="61258"/>
                    </a:lnTo>
                    <a:cubicBezTo>
                      <a:pt x="554776" y="59176"/>
                      <a:pt x="557176" y="57392"/>
                      <a:pt x="561075" y="57392"/>
                    </a:cubicBezTo>
                    <a:lnTo>
                      <a:pt x="577272" y="57392"/>
                    </a:lnTo>
                    <a:cubicBezTo>
                      <a:pt x="581471" y="57392"/>
                      <a:pt x="582970" y="60960"/>
                      <a:pt x="580571" y="63339"/>
                    </a:cubicBezTo>
                    <a:lnTo>
                      <a:pt x="529581" y="113891"/>
                    </a:lnTo>
                    <a:lnTo>
                      <a:pt x="580571" y="172472"/>
                    </a:lnTo>
                    <a:cubicBezTo>
                      <a:pt x="582970" y="175446"/>
                      <a:pt x="581771" y="179014"/>
                      <a:pt x="577572" y="179014"/>
                    </a:cubicBezTo>
                    <a:close/>
                    <a:moveTo>
                      <a:pt x="898504" y="62745"/>
                    </a:moveTo>
                    <a:cubicBezTo>
                      <a:pt x="897309" y="60068"/>
                      <a:pt x="900305" y="57689"/>
                      <a:pt x="903908" y="57689"/>
                    </a:cubicBezTo>
                    <a:lnTo>
                      <a:pt x="918005" y="57689"/>
                    </a:lnTo>
                    <a:cubicBezTo>
                      <a:pt x="921901" y="57689"/>
                      <a:pt x="924603" y="59473"/>
                      <a:pt x="925798" y="62745"/>
                    </a:cubicBezTo>
                    <a:lnTo>
                      <a:pt x="953992" y="136194"/>
                    </a:lnTo>
                    <a:cubicBezTo>
                      <a:pt x="955195" y="139762"/>
                      <a:pt x="956390" y="144818"/>
                      <a:pt x="957291" y="148980"/>
                    </a:cubicBezTo>
                    <a:cubicBezTo>
                      <a:pt x="958191" y="145115"/>
                      <a:pt x="960296" y="137978"/>
                      <a:pt x="962391" y="131733"/>
                    </a:cubicBezTo>
                    <a:lnTo>
                      <a:pt x="984887" y="62745"/>
                    </a:lnTo>
                    <a:cubicBezTo>
                      <a:pt x="985788" y="59473"/>
                      <a:pt x="988784" y="57986"/>
                      <a:pt x="992689" y="57986"/>
                    </a:cubicBezTo>
                    <a:lnTo>
                      <a:pt x="1006483" y="57986"/>
                    </a:lnTo>
                    <a:cubicBezTo>
                      <a:pt x="1010085" y="57986"/>
                      <a:pt x="1012778" y="60365"/>
                      <a:pt x="1011878" y="63042"/>
                    </a:cubicBezTo>
                    <a:lnTo>
                      <a:pt x="965093" y="196262"/>
                    </a:lnTo>
                    <a:cubicBezTo>
                      <a:pt x="960296" y="209941"/>
                      <a:pt x="950996" y="220646"/>
                      <a:pt x="935098" y="226593"/>
                    </a:cubicBezTo>
                    <a:lnTo>
                      <a:pt x="928499" y="228972"/>
                    </a:lnTo>
                    <a:cubicBezTo>
                      <a:pt x="925798" y="229865"/>
                      <a:pt x="921901" y="229270"/>
                      <a:pt x="920100" y="226891"/>
                    </a:cubicBezTo>
                    <a:lnTo>
                      <a:pt x="915606" y="220052"/>
                    </a:lnTo>
                    <a:cubicBezTo>
                      <a:pt x="914402" y="217970"/>
                      <a:pt x="915900" y="214104"/>
                      <a:pt x="918905" y="213212"/>
                    </a:cubicBezTo>
                    <a:lnTo>
                      <a:pt x="923702" y="211428"/>
                    </a:lnTo>
                    <a:cubicBezTo>
                      <a:pt x="935695" y="207265"/>
                      <a:pt x="944397" y="194181"/>
                      <a:pt x="947991" y="177826"/>
                    </a:cubicBezTo>
                    <a:lnTo>
                      <a:pt x="898504" y="62745"/>
                    </a:lnTo>
                    <a:close/>
                    <a:moveTo>
                      <a:pt x="817822" y="55608"/>
                    </a:moveTo>
                    <a:cubicBezTo>
                      <a:pt x="852915" y="55608"/>
                      <a:pt x="870908" y="78802"/>
                      <a:pt x="870613" y="117460"/>
                    </a:cubicBezTo>
                    <a:lnTo>
                      <a:pt x="870613" y="173067"/>
                    </a:lnTo>
                    <a:cubicBezTo>
                      <a:pt x="870613" y="175744"/>
                      <a:pt x="867609" y="178123"/>
                      <a:pt x="864310" y="178123"/>
                    </a:cubicBezTo>
                    <a:lnTo>
                      <a:pt x="858014" y="178123"/>
                    </a:lnTo>
                    <a:cubicBezTo>
                      <a:pt x="853514" y="178123"/>
                      <a:pt x="851115" y="176636"/>
                      <a:pt x="850215" y="173067"/>
                    </a:cubicBezTo>
                    <a:lnTo>
                      <a:pt x="847816" y="162659"/>
                    </a:lnTo>
                    <a:cubicBezTo>
                      <a:pt x="839118" y="175149"/>
                      <a:pt x="830119" y="179907"/>
                      <a:pt x="816022" y="179907"/>
                    </a:cubicBezTo>
                    <a:cubicBezTo>
                      <a:pt x="783329" y="179907"/>
                      <a:pt x="762333" y="156712"/>
                      <a:pt x="762333" y="117757"/>
                    </a:cubicBezTo>
                    <a:cubicBezTo>
                      <a:pt x="762333" y="79100"/>
                      <a:pt x="782729" y="55608"/>
                      <a:pt x="817822" y="55608"/>
                    </a:cubicBezTo>
                    <a:close/>
                    <a:moveTo>
                      <a:pt x="817222" y="162957"/>
                    </a:moveTo>
                    <a:cubicBezTo>
                      <a:pt x="837918" y="162957"/>
                      <a:pt x="847816" y="148683"/>
                      <a:pt x="847816" y="117460"/>
                    </a:cubicBezTo>
                    <a:cubicBezTo>
                      <a:pt x="847816" y="87129"/>
                      <a:pt x="837918" y="72260"/>
                      <a:pt x="817222" y="72260"/>
                    </a:cubicBezTo>
                    <a:cubicBezTo>
                      <a:pt x="796526" y="72260"/>
                      <a:pt x="787529" y="87129"/>
                      <a:pt x="787529" y="117460"/>
                    </a:cubicBezTo>
                    <a:cubicBezTo>
                      <a:pt x="787529" y="148683"/>
                      <a:pt x="796526" y="162957"/>
                      <a:pt x="817222" y="162957"/>
                    </a:cubicBezTo>
                    <a:close/>
                    <a:moveTo>
                      <a:pt x="1026927" y="147750"/>
                    </a:moveTo>
                    <a:cubicBezTo>
                      <a:pt x="1028928" y="148585"/>
                      <a:pt x="1030720" y="149813"/>
                      <a:pt x="1032296" y="151372"/>
                    </a:cubicBezTo>
                    <a:cubicBezTo>
                      <a:pt x="1033794" y="152887"/>
                      <a:pt x="1034972" y="154647"/>
                      <a:pt x="1035742" y="156565"/>
                    </a:cubicBezTo>
                    <a:cubicBezTo>
                      <a:pt x="1036548" y="158548"/>
                      <a:pt x="1036955" y="160602"/>
                      <a:pt x="1036955" y="162796"/>
                    </a:cubicBezTo>
                    <a:cubicBezTo>
                      <a:pt x="1036955" y="165034"/>
                      <a:pt x="1036548" y="167086"/>
                      <a:pt x="1035690" y="169072"/>
                    </a:cubicBezTo>
                    <a:cubicBezTo>
                      <a:pt x="1034876" y="171079"/>
                      <a:pt x="1033699" y="172771"/>
                      <a:pt x="1032123" y="174309"/>
                    </a:cubicBezTo>
                    <a:cubicBezTo>
                      <a:pt x="1030538" y="175826"/>
                      <a:pt x="1028737" y="176999"/>
                      <a:pt x="1026745" y="177845"/>
                    </a:cubicBezTo>
                    <a:cubicBezTo>
                      <a:pt x="1024762" y="178659"/>
                      <a:pt x="1022676" y="179059"/>
                      <a:pt x="1020511" y="179059"/>
                    </a:cubicBezTo>
                    <a:cubicBezTo>
                      <a:pt x="1018337" y="179059"/>
                      <a:pt x="1016225" y="178611"/>
                      <a:pt x="1014233" y="177809"/>
                    </a:cubicBezTo>
                    <a:cubicBezTo>
                      <a:pt x="1012241" y="176954"/>
                      <a:pt x="1010423" y="175693"/>
                      <a:pt x="1008856" y="174134"/>
                    </a:cubicBezTo>
                    <a:cubicBezTo>
                      <a:pt x="1007314" y="172605"/>
                      <a:pt x="1006189" y="170853"/>
                      <a:pt x="1005383" y="168935"/>
                    </a:cubicBezTo>
                    <a:cubicBezTo>
                      <a:pt x="1004561" y="166952"/>
                      <a:pt x="1004145" y="164949"/>
                      <a:pt x="1004145" y="162796"/>
                    </a:cubicBezTo>
                    <a:cubicBezTo>
                      <a:pt x="1004145" y="161312"/>
                      <a:pt x="1004370" y="159886"/>
                      <a:pt x="1004743" y="158438"/>
                    </a:cubicBezTo>
                    <a:cubicBezTo>
                      <a:pt x="1005150" y="157054"/>
                      <a:pt x="1005730" y="155674"/>
                      <a:pt x="1006552" y="154326"/>
                    </a:cubicBezTo>
                    <a:cubicBezTo>
                      <a:pt x="1008042" y="151862"/>
                      <a:pt x="1009990" y="149944"/>
                      <a:pt x="1012415" y="148552"/>
                    </a:cubicBezTo>
                    <a:cubicBezTo>
                      <a:pt x="1014874" y="147159"/>
                      <a:pt x="1017567" y="146488"/>
                      <a:pt x="1020511" y="146488"/>
                    </a:cubicBezTo>
                    <a:cubicBezTo>
                      <a:pt x="1022762" y="146488"/>
                      <a:pt x="1024901" y="146892"/>
                      <a:pt x="1026927" y="147750"/>
                    </a:cubicBezTo>
                    <a:close/>
                    <a:moveTo>
                      <a:pt x="1015359" y="150169"/>
                    </a:moveTo>
                    <a:cubicBezTo>
                      <a:pt x="1013722" y="150790"/>
                      <a:pt x="1012293" y="151782"/>
                      <a:pt x="1011029" y="153032"/>
                    </a:cubicBezTo>
                    <a:cubicBezTo>
                      <a:pt x="1009661" y="154326"/>
                      <a:pt x="1008674" y="155852"/>
                      <a:pt x="1007938" y="157544"/>
                    </a:cubicBezTo>
                    <a:cubicBezTo>
                      <a:pt x="1007228" y="159219"/>
                      <a:pt x="1006864" y="160955"/>
                      <a:pt x="1006864" y="162752"/>
                    </a:cubicBezTo>
                    <a:cubicBezTo>
                      <a:pt x="1006864" y="164548"/>
                      <a:pt x="1007185" y="166285"/>
                      <a:pt x="1007851" y="167900"/>
                    </a:cubicBezTo>
                    <a:cubicBezTo>
                      <a:pt x="1008535" y="169517"/>
                      <a:pt x="1009531" y="170987"/>
                      <a:pt x="1010795" y="172240"/>
                    </a:cubicBezTo>
                    <a:cubicBezTo>
                      <a:pt x="1012103" y="173552"/>
                      <a:pt x="1013601" y="174579"/>
                      <a:pt x="1015272" y="175292"/>
                    </a:cubicBezTo>
                    <a:cubicBezTo>
                      <a:pt x="1016943" y="176001"/>
                      <a:pt x="1018692" y="176360"/>
                      <a:pt x="1020511" y="176360"/>
                    </a:cubicBezTo>
                    <a:cubicBezTo>
                      <a:pt x="1022269" y="176360"/>
                      <a:pt x="1023983" y="176001"/>
                      <a:pt x="1025663" y="175336"/>
                    </a:cubicBezTo>
                    <a:cubicBezTo>
                      <a:pt x="1027326" y="174666"/>
                      <a:pt x="1028867" y="173686"/>
                      <a:pt x="1030226" y="172382"/>
                    </a:cubicBezTo>
                    <a:cubicBezTo>
                      <a:pt x="1031491" y="171180"/>
                      <a:pt x="1032478" y="169741"/>
                      <a:pt x="1033197" y="168089"/>
                    </a:cubicBezTo>
                    <a:cubicBezTo>
                      <a:pt x="1033889" y="166472"/>
                      <a:pt x="1034244" y="164768"/>
                      <a:pt x="1034244" y="163019"/>
                    </a:cubicBezTo>
                    <a:cubicBezTo>
                      <a:pt x="1034244" y="161092"/>
                      <a:pt x="1033924" y="159305"/>
                      <a:pt x="1033257" y="157657"/>
                    </a:cubicBezTo>
                    <a:cubicBezTo>
                      <a:pt x="1032616" y="156030"/>
                      <a:pt x="1031620" y="154546"/>
                      <a:pt x="1030365" y="153255"/>
                    </a:cubicBezTo>
                    <a:cubicBezTo>
                      <a:pt x="1029005" y="151906"/>
                      <a:pt x="1027559" y="150879"/>
                      <a:pt x="1025888" y="150202"/>
                    </a:cubicBezTo>
                    <a:cubicBezTo>
                      <a:pt x="1024226" y="149531"/>
                      <a:pt x="1022451" y="149167"/>
                      <a:pt x="1020563" y="149167"/>
                    </a:cubicBezTo>
                    <a:cubicBezTo>
                      <a:pt x="1018692" y="149167"/>
                      <a:pt x="1016943" y="149499"/>
                      <a:pt x="1015359" y="150169"/>
                    </a:cubicBezTo>
                    <a:close/>
                    <a:moveTo>
                      <a:pt x="1020875" y="153423"/>
                    </a:moveTo>
                    <a:cubicBezTo>
                      <a:pt x="1023438" y="153423"/>
                      <a:pt x="1025395" y="153881"/>
                      <a:pt x="1026693" y="154736"/>
                    </a:cubicBezTo>
                    <a:cubicBezTo>
                      <a:pt x="1028001" y="155630"/>
                      <a:pt x="1028633" y="156879"/>
                      <a:pt x="1028633" y="158640"/>
                    </a:cubicBezTo>
                    <a:cubicBezTo>
                      <a:pt x="1028633" y="159845"/>
                      <a:pt x="1028287" y="160822"/>
                      <a:pt x="1027594" y="161668"/>
                    </a:cubicBezTo>
                    <a:cubicBezTo>
                      <a:pt x="1026875" y="162529"/>
                      <a:pt x="1025888" y="163111"/>
                      <a:pt x="1024667" y="163419"/>
                    </a:cubicBezTo>
                    <a:lnTo>
                      <a:pt x="1028737" y="171489"/>
                    </a:lnTo>
                    <a:lnTo>
                      <a:pt x="1023810" y="171489"/>
                    </a:lnTo>
                    <a:lnTo>
                      <a:pt x="1020338" y="164103"/>
                    </a:lnTo>
                    <a:lnTo>
                      <a:pt x="1018164" y="164103"/>
                    </a:lnTo>
                    <a:lnTo>
                      <a:pt x="1018164" y="171489"/>
                    </a:lnTo>
                    <a:lnTo>
                      <a:pt x="1013722" y="171489"/>
                    </a:lnTo>
                    <a:lnTo>
                      <a:pt x="1013722" y="153423"/>
                    </a:lnTo>
                    <a:lnTo>
                      <a:pt x="1020875" y="153423"/>
                    </a:lnTo>
                    <a:close/>
                    <a:moveTo>
                      <a:pt x="1018164" y="161449"/>
                    </a:moveTo>
                    <a:lnTo>
                      <a:pt x="1020338" y="161449"/>
                    </a:lnTo>
                    <a:cubicBezTo>
                      <a:pt x="1021637" y="161449"/>
                      <a:pt x="1022580" y="161223"/>
                      <a:pt x="1023178" y="160822"/>
                    </a:cubicBezTo>
                    <a:cubicBezTo>
                      <a:pt x="1023767" y="160421"/>
                      <a:pt x="1024078" y="159801"/>
                      <a:pt x="1024078" y="158904"/>
                    </a:cubicBezTo>
                    <a:cubicBezTo>
                      <a:pt x="1024078" y="158001"/>
                      <a:pt x="1023767" y="157324"/>
                      <a:pt x="1023135" y="156879"/>
                    </a:cubicBezTo>
                    <a:cubicBezTo>
                      <a:pt x="1022451" y="156434"/>
                      <a:pt x="1021455" y="156208"/>
                      <a:pt x="1020104" y="156208"/>
                    </a:cubicBezTo>
                    <a:lnTo>
                      <a:pt x="1018164" y="156208"/>
                    </a:lnTo>
                    <a:lnTo>
                      <a:pt x="1018164" y="161449"/>
                    </a:lnTo>
                    <a:close/>
                  </a:path>
                </a:pathLst>
              </a:custGeom>
              <a:solidFill>
                <a:srgbClr val="005CB9"/>
              </a:solidFill>
              <a:ln w="8652"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199" name="Freeform: Shape 198">
                <a:extLst>
                  <a:ext uri="{FF2B5EF4-FFF2-40B4-BE49-F238E27FC236}">
                    <a16:creationId xmlns:a16="http://schemas.microsoft.com/office/drawing/2014/main" id="{5D62FEF3-0C1E-6CFA-AF43-E2BF0761A97E}"/>
                  </a:ext>
                </a:extLst>
              </p:cNvPr>
              <p:cNvSpPr/>
              <p:nvPr/>
            </p:nvSpPr>
            <p:spPr>
              <a:xfrm>
                <a:off x="5959277" y="3533117"/>
                <a:ext cx="546487" cy="200722"/>
              </a:xfrm>
              <a:custGeom>
                <a:avLst/>
                <a:gdLst>
                  <a:gd name="connsiteX0" fmla="*/ 32094 w 546487"/>
                  <a:gd name="connsiteY0" fmla="*/ 190017 h 200722"/>
                  <a:gd name="connsiteX1" fmla="*/ 273244 w 546487"/>
                  <a:gd name="connsiteY1" fmla="*/ 31818 h 200722"/>
                  <a:gd name="connsiteX2" fmla="*/ 514394 w 546487"/>
                  <a:gd name="connsiteY2" fmla="*/ 190017 h 200722"/>
                  <a:gd name="connsiteX3" fmla="*/ 529991 w 546487"/>
                  <a:gd name="connsiteY3" fmla="*/ 200722 h 200722"/>
                  <a:gd name="connsiteX4" fmla="*/ 546487 w 546487"/>
                  <a:gd name="connsiteY4" fmla="*/ 184367 h 200722"/>
                  <a:gd name="connsiteX5" fmla="*/ 545288 w 546487"/>
                  <a:gd name="connsiteY5" fmla="*/ 178123 h 200722"/>
                  <a:gd name="connsiteX6" fmla="*/ 273244 w 546487"/>
                  <a:gd name="connsiteY6" fmla="*/ 0 h 200722"/>
                  <a:gd name="connsiteX7" fmla="*/ 1200 w 546487"/>
                  <a:gd name="connsiteY7" fmla="*/ 178123 h 200722"/>
                  <a:gd name="connsiteX8" fmla="*/ 0 w 546487"/>
                  <a:gd name="connsiteY8" fmla="*/ 184367 h 200722"/>
                  <a:gd name="connsiteX9" fmla="*/ 16497 w 546487"/>
                  <a:gd name="connsiteY9" fmla="*/ 200722 h 200722"/>
                  <a:gd name="connsiteX10" fmla="*/ 32094 w 546487"/>
                  <a:gd name="connsiteY10" fmla="*/ 190017 h 2007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l="l" t="t" r="r" b="b"/>
                <a:pathLst>
                  <a:path w="546487" h="200722">
                    <a:moveTo>
                      <a:pt x="32094" y="190017"/>
                    </a:moveTo>
                    <a:cubicBezTo>
                      <a:pt x="71986" y="96942"/>
                      <a:pt x="164966" y="31818"/>
                      <a:pt x="273244" y="31818"/>
                    </a:cubicBezTo>
                    <a:cubicBezTo>
                      <a:pt x="381521" y="31818"/>
                      <a:pt x="474503" y="96942"/>
                      <a:pt x="514394" y="190017"/>
                    </a:cubicBezTo>
                    <a:cubicBezTo>
                      <a:pt x="516794" y="196262"/>
                      <a:pt x="522793" y="200722"/>
                      <a:pt x="529991" y="200722"/>
                    </a:cubicBezTo>
                    <a:cubicBezTo>
                      <a:pt x="538989" y="200722"/>
                      <a:pt x="546487" y="193289"/>
                      <a:pt x="546487" y="184367"/>
                    </a:cubicBezTo>
                    <a:cubicBezTo>
                      <a:pt x="546487" y="182286"/>
                      <a:pt x="546188" y="180205"/>
                      <a:pt x="545288" y="178123"/>
                    </a:cubicBezTo>
                    <a:cubicBezTo>
                      <a:pt x="500297" y="73450"/>
                      <a:pt x="395319" y="0"/>
                      <a:pt x="273244" y="0"/>
                    </a:cubicBezTo>
                    <a:cubicBezTo>
                      <a:pt x="151170" y="0"/>
                      <a:pt x="46191" y="73450"/>
                      <a:pt x="1200" y="178123"/>
                    </a:cubicBezTo>
                    <a:cubicBezTo>
                      <a:pt x="300" y="179907"/>
                      <a:pt x="0" y="182286"/>
                      <a:pt x="0" y="184367"/>
                    </a:cubicBezTo>
                    <a:cubicBezTo>
                      <a:pt x="0" y="193289"/>
                      <a:pt x="7499" y="200722"/>
                      <a:pt x="16497" y="200722"/>
                    </a:cubicBezTo>
                    <a:cubicBezTo>
                      <a:pt x="23696" y="200722"/>
                      <a:pt x="29694" y="196262"/>
                      <a:pt x="32094" y="190017"/>
                    </a:cubicBezTo>
                    <a:close/>
                  </a:path>
                </a:pathLst>
              </a:custGeom>
              <a:solidFill>
                <a:srgbClr val="F38B00"/>
              </a:solidFill>
              <a:ln w="8652"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grpSp>
        <p:sp>
          <p:nvSpPr>
            <p:cNvPr id="144" name="Graphic 53">
              <a:extLst>
                <a:ext uri="{FF2B5EF4-FFF2-40B4-BE49-F238E27FC236}">
                  <a16:creationId xmlns:a16="http://schemas.microsoft.com/office/drawing/2014/main" id="{B9BECFCB-2826-86F4-D4A8-DE988B65C250}"/>
                </a:ext>
              </a:extLst>
            </p:cNvPr>
            <p:cNvSpPr/>
            <p:nvPr/>
          </p:nvSpPr>
          <p:spPr>
            <a:xfrm>
              <a:off x="10241129" y="3724842"/>
              <a:ext cx="559773" cy="204186"/>
            </a:xfrm>
            <a:custGeom>
              <a:avLst/>
              <a:gdLst>
                <a:gd name="connsiteX0" fmla="*/ 596925 w 615750"/>
                <a:gd name="connsiteY0" fmla="*/ 37213 h 224605"/>
                <a:gd name="connsiteX1" fmla="*/ 615750 w 615750"/>
                <a:gd name="connsiteY1" fmla="*/ 18606 h 224605"/>
                <a:gd name="connsiteX2" fmla="*/ 596925 w 615750"/>
                <a:gd name="connsiteY2" fmla="*/ 0 h 224605"/>
                <a:gd name="connsiteX3" fmla="*/ 578100 w 615750"/>
                <a:gd name="connsiteY3" fmla="*/ 18606 h 224605"/>
                <a:gd name="connsiteX4" fmla="*/ 596925 w 615750"/>
                <a:gd name="connsiteY4" fmla="*/ 37213 h 224605"/>
                <a:gd name="connsiteX5" fmla="*/ 596925 w 615750"/>
                <a:gd name="connsiteY5" fmla="*/ 37213 h 224605"/>
                <a:gd name="connsiteX6" fmla="*/ 581410 w 615750"/>
                <a:gd name="connsiteY6" fmla="*/ 18709 h 224605"/>
                <a:gd name="connsiteX7" fmla="*/ 597442 w 615750"/>
                <a:gd name="connsiteY7" fmla="*/ 2863 h 224605"/>
                <a:gd name="connsiteX8" fmla="*/ 613475 w 615750"/>
                <a:gd name="connsiteY8" fmla="*/ 18709 h 224605"/>
                <a:gd name="connsiteX9" fmla="*/ 597442 w 615750"/>
                <a:gd name="connsiteY9" fmla="*/ 34555 h 224605"/>
                <a:gd name="connsiteX10" fmla="*/ 581410 w 615750"/>
                <a:gd name="connsiteY10" fmla="*/ 18709 h 224605"/>
                <a:gd name="connsiteX11" fmla="*/ 581410 w 615750"/>
                <a:gd name="connsiteY11" fmla="*/ 18709 h 224605"/>
                <a:gd name="connsiteX12" fmla="*/ 590098 w 615750"/>
                <a:gd name="connsiteY12" fmla="*/ 28216 h 224605"/>
                <a:gd name="connsiteX13" fmla="*/ 593719 w 615750"/>
                <a:gd name="connsiteY13" fmla="*/ 28216 h 224605"/>
                <a:gd name="connsiteX14" fmla="*/ 593719 w 615750"/>
                <a:gd name="connsiteY14" fmla="*/ 20038 h 224605"/>
                <a:gd name="connsiteX15" fmla="*/ 597856 w 615750"/>
                <a:gd name="connsiteY15" fmla="*/ 20038 h 224605"/>
                <a:gd name="connsiteX16" fmla="*/ 601063 w 615750"/>
                <a:gd name="connsiteY16" fmla="*/ 27705 h 224605"/>
                <a:gd name="connsiteX17" fmla="*/ 605200 w 615750"/>
                <a:gd name="connsiteY17" fmla="*/ 27705 h 224605"/>
                <a:gd name="connsiteX18" fmla="*/ 601580 w 615750"/>
                <a:gd name="connsiteY18" fmla="*/ 19118 h 224605"/>
                <a:gd name="connsiteX19" fmla="*/ 604786 w 615750"/>
                <a:gd name="connsiteY19" fmla="*/ 14108 h 224605"/>
                <a:gd name="connsiteX20" fmla="*/ 597029 w 615750"/>
                <a:gd name="connsiteY20" fmla="*/ 7770 h 224605"/>
                <a:gd name="connsiteX21" fmla="*/ 590616 w 615750"/>
                <a:gd name="connsiteY21" fmla="*/ 7770 h 224605"/>
                <a:gd name="connsiteX22" fmla="*/ 590616 w 615750"/>
                <a:gd name="connsiteY22" fmla="*/ 28114 h 224605"/>
                <a:gd name="connsiteX23" fmla="*/ 590098 w 615750"/>
                <a:gd name="connsiteY23" fmla="*/ 28114 h 224605"/>
                <a:gd name="connsiteX24" fmla="*/ 593719 w 615750"/>
                <a:gd name="connsiteY24" fmla="*/ 11859 h 224605"/>
                <a:gd name="connsiteX25" fmla="*/ 597856 w 615750"/>
                <a:gd name="connsiteY25" fmla="*/ 11859 h 224605"/>
                <a:gd name="connsiteX26" fmla="*/ 601063 w 615750"/>
                <a:gd name="connsiteY26" fmla="*/ 14619 h 224605"/>
                <a:gd name="connsiteX27" fmla="*/ 597856 w 615750"/>
                <a:gd name="connsiteY27" fmla="*/ 17380 h 224605"/>
                <a:gd name="connsiteX28" fmla="*/ 593719 w 615750"/>
                <a:gd name="connsiteY28" fmla="*/ 17380 h 224605"/>
                <a:gd name="connsiteX29" fmla="*/ 593719 w 615750"/>
                <a:gd name="connsiteY29" fmla="*/ 11859 h 224605"/>
                <a:gd name="connsiteX30" fmla="*/ 593719 w 615750"/>
                <a:gd name="connsiteY30" fmla="*/ 11859 h 224605"/>
                <a:gd name="connsiteX31" fmla="*/ 0 w 615750"/>
                <a:gd name="connsiteY31" fmla="*/ 26785 h 224605"/>
                <a:gd name="connsiteX32" fmla="*/ 0 w 615750"/>
                <a:gd name="connsiteY32" fmla="*/ 26785 h 224605"/>
                <a:gd name="connsiteX33" fmla="*/ 0 w 615750"/>
                <a:gd name="connsiteY33" fmla="*/ 5112 h 224605"/>
                <a:gd name="connsiteX34" fmla="*/ 22032 w 615750"/>
                <a:gd name="connsiteY34" fmla="*/ 5112 h 224605"/>
                <a:gd name="connsiteX35" fmla="*/ 22032 w 615750"/>
                <a:gd name="connsiteY35" fmla="*/ 26887 h 224605"/>
                <a:gd name="connsiteX36" fmla="*/ 22032 w 615750"/>
                <a:gd name="connsiteY36" fmla="*/ 26887 h 224605"/>
                <a:gd name="connsiteX37" fmla="*/ 22032 w 615750"/>
                <a:gd name="connsiteY37" fmla="*/ 164083 h 224605"/>
                <a:gd name="connsiteX38" fmla="*/ 22032 w 615750"/>
                <a:gd name="connsiteY38" fmla="*/ 164492 h 224605"/>
                <a:gd name="connsiteX39" fmla="*/ 22032 w 615750"/>
                <a:gd name="connsiteY39" fmla="*/ 185757 h 224605"/>
                <a:gd name="connsiteX40" fmla="*/ 0 w 615750"/>
                <a:gd name="connsiteY40" fmla="*/ 185757 h 224605"/>
                <a:gd name="connsiteX41" fmla="*/ 0 w 615750"/>
                <a:gd name="connsiteY41" fmla="*/ 163981 h 224605"/>
                <a:gd name="connsiteX42" fmla="*/ 0 w 615750"/>
                <a:gd name="connsiteY42" fmla="*/ 163572 h 224605"/>
                <a:gd name="connsiteX43" fmla="*/ 0 w 615750"/>
                <a:gd name="connsiteY43" fmla="*/ 26785 h 224605"/>
                <a:gd name="connsiteX44" fmla="*/ 0 w 615750"/>
                <a:gd name="connsiteY44" fmla="*/ 26785 h 224605"/>
                <a:gd name="connsiteX45" fmla="*/ 224041 w 615750"/>
                <a:gd name="connsiteY45" fmla="*/ 120123 h 224605"/>
                <a:gd name="connsiteX46" fmla="*/ 270276 w 615750"/>
                <a:gd name="connsiteY46" fmla="*/ 179009 h 224605"/>
                <a:gd name="connsiteX47" fmla="*/ 314754 w 615750"/>
                <a:gd name="connsiteY47" fmla="*/ 118794 h 224605"/>
                <a:gd name="connsiteX48" fmla="*/ 268518 w 615750"/>
                <a:gd name="connsiteY48" fmla="*/ 59908 h 224605"/>
                <a:gd name="connsiteX49" fmla="*/ 224041 w 615750"/>
                <a:gd name="connsiteY49" fmla="*/ 120123 h 224605"/>
                <a:gd name="connsiteX50" fmla="*/ 224041 w 615750"/>
                <a:gd name="connsiteY50" fmla="*/ 120123 h 224605"/>
                <a:gd name="connsiteX51" fmla="*/ 406397 w 615750"/>
                <a:gd name="connsiteY51" fmla="*/ 80253 h 224605"/>
                <a:gd name="connsiteX52" fmla="*/ 405466 w 615750"/>
                <a:gd name="connsiteY52" fmla="*/ 78412 h 224605"/>
                <a:gd name="connsiteX53" fmla="*/ 406397 w 615750"/>
                <a:gd name="connsiteY53" fmla="*/ 80253 h 224605"/>
                <a:gd name="connsiteX54" fmla="*/ 406397 w 615750"/>
                <a:gd name="connsiteY54" fmla="*/ 80253 h 224605"/>
                <a:gd name="connsiteX55" fmla="*/ 421499 w 615750"/>
                <a:gd name="connsiteY55" fmla="*/ 216529 h 224605"/>
                <a:gd name="connsiteX56" fmla="*/ 425636 w 615750"/>
                <a:gd name="connsiteY56" fmla="*/ 208861 h 224605"/>
                <a:gd name="connsiteX57" fmla="*/ 421499 w 615750"/>
                <a:gd name="connsiteY57" fmla="*/ 216529 h 224605"/>
                <a:gd name="connsiteX58" fmla="*/ 421499 w 615750"/>
                <a:gd name="connsiteY58" fmla="*/ 216529 h 224605"/>
                <a:gd name="connsiteX59" fmla="*/ 422843 w 615750"/>
                <a:gd name="connsiteY59" fmla="*/ 68905 h 224605"/>
                <a:gd name="connsiteX60" fmla="*/ 423774 w 615750"/>
                <a:gd name="connsiteY60" fmla="*/ 71154 h 224605"/>
                <a:gd name="connsiteX61" fmla="*/ 431118 w 615750"/>
                <a:gd name="connsiteY61" fmla="*/ 89249 h 224605"/>
                <a:gd name="connsiteX62" fmla="*/ 422843 w 615750"/>
                <a:gd name="connsiteY62" fmla="*/ 68905 h 224605"/>
                <a:gd name="connsiteX63" fmla="*/ 422843 w 615750"/>
                <a:gd name="connsiteY63" fmla="*/ 68905 h 224605"/>
                <a:gd name="connsiteX64" fmla="*/ 330269 w 615750"/>
                <a:gd name="connsiteY64" fmla="*/ 159483 h 224605"/>
                <a:gd name="connsiteX65" fmla="*/ 371953 w 615750"/>
                <a:gd name="connsiteY65" fmla="*/ 178089 h 224605"/>
                <a:gd name="connsiteX66" fmla="*/ 402156 w 615750"/>
                <a:gd name="connsiteY66" fmla="*/ 155496 h 224605"/>
                <a:gd name="connsiteX67" fmla="*/ 371022 w 615750"/>
                <a:gd name="connsiteY67" fmla="*/ 127382 h 224605"/>
                <a:gd name="connsiteX68" fmla="*/ 334820 w 615750"/>
                <a:gd name="connsiteY68" fmla="*/ 104788 h 224605"/>
                <a:gd name="connsiteX69" fmla="*/ 336165 w 615750"/>
                <a:gd name="connsiteY69" fmla="*/ 118794 h 224605"/>
                <a:gd name="connsiteX70" fmla="*/ 269759 w 615750"/>
                <a:gd name="connsiteY70" fmla="*/ 191686 h 224605"/>
                <a:gd name="connsiteX71" fmla="*/ 203354 w 615750"/>
                <a:gd name="connsiteY71" fmla="*/ 118794 h 224605"/>
                <a:gd name="connsiteX72" fmla="*/ 230868 w 615750"/>
                <a:gd name="connsiteY72" fmla="*/ 59499 h 224605"/>
                <a:gd name="connsiteX73" fmla="*/ 185977 w 615750"/>
                <a:gd name="connsiteY73" fmla="*/ 59499 h 224605"/>
                <a:gd name="connsiteX74" fmla="*/ 185977 w 615750"/>
                <a:gd name="connsiteY74" fmla="*/ 164083 h 224605"/>
                <a:gd name="connsiteX75" fmla="*/ 185977 w 615750"/>
                <a:gd name="connsiteY75" fmla="*/ 164492 h 224605"/>
                <a:gd name="connsiteX76" fmla="*/ 185977 w 615750"/>
                <a:gd name="connsiteY76" fmla="*/ 186268 h 224605"/>
                <a:gd name="connsiteX77" fmla="*/ 166324 w 615750"/>
                <a:gd name="connsiteY77" fmla="*/ 186268 h 224605"/>
                <a:gd name="connsiteX78" fmla="*/ 166324 w 615750"/>
                <a:gd name="connsiteY78" fmla="*/ 165412 h 224605"/>
                <a:gd name="connsiteX79" fmla="*/ 166324 w 615750"/>
                <a:gd name="connsiteY79" fmla="*/ 164492 h 224605"/>
                <a:gd name="connsiteX80" fmla="*/ 166324 w 615750"/>
                <a:gd name="connsiteY80" fmla="*/ 59397 h 224605"/>
                <a:gd name="connsiteX81" fmla="*/ 148947 w 615750"/>
                <a:gd name="connsiteY81" fmla="*/ 59397 h 224605"/>
                <a:gd name="connsiteX82" fmla="*/ 148947 w 615750"/>
                <a:gd name="connsiteY82" fmla="*/ 46311 h 224605"/>
                <a:gd name="connsiteX83" fmla="*/ 166841 w 615750"/>
                <a:gd name="connsiteY83" fmla="*/ 46311 h 224605"/>
                <a:gd name="connsiteX84" fmla="*/ 208939 w 615750"/>
                <a:gd name="connsiteY84" fmla="*/ 4703 h 224605"/>
                <a:gd name="connsiteX85" fmla="*/ 236867 w 615750"/>
                <a:gd name="connsiteY85" fmla="*/ 8281 h 224605"/>
                <a:gd name="connsiteX86" fmla="*/ 236867 w 615750"/>
                <a:gd name="connsiteY86" fmla="*/ 26376 h 224605"/>
                <a:gd name="connsiteX87" fmla="*/ 236867 w 615750"/>
                <a:gd name="connsiteY87" fmla="*/ 28625 h 224605"/>
                <a:gd name="connsiteX88" fmla="*/ 235936 w 615750"/>
                <a:gd name="connsiteY88" fmla="*/ 28625 h 224605"/>
                <a:gd name="connsiteX89" fmla="*/ 205216 w 615750"/>
                <a:gd name="connsiteY89" fmla="*/ 17277 h 224605"/>
                <a:gd name="connsiteX90" fmla="*/ 186390 w 615750"/>
                <a:gd name="connsiteY90" fmla="*/ 46209 h 224605"/>
                <a:gd name="connsiteX91" fmla="*/ 261071 w 615750"/>
                <a:gd name="connsiteY91" fmla="*/ 46209 h 224605"/>
                <a:gd name="connsiteX92" fmla="*/ 270690 w 615750"/>
                <a:gd name="connsiteY92" fmla="*/ 45289 h 224605"/>
                <a:gd name="connsiteX93" fmla="*/ 330683 w 615750"/>
                <a:gd name="connsiteY93" fmla="*/ 87409 h 224605"/>
                <a:gd name="connsiteX94" fmla="*/ 330683 w 615750"/>
                <a:gd name="connsiteY94" fmla="*/ 82911 h 224605"/>
                <a:gd name="connsiteX95" fmla="*/ 382400 w 615750"/>
                <a:gd name="connsiteY95" fmla="*/ 45800 h 224605"/>
                <a:gd name="connsiteX96" fmla="*/ 385193 w 615750"/>
                <a:gd name="connsiteY96" fmla="*/ 45800 h 224605"/>
                <a:gd name="connsiteX97" fmla="*/ 415913 w 615750"/>
                <a:gd name="connsiteY97" fmla="*/ 50810 h 224605"/>
                <a:gd name="connsiteX98" fmla="*/ 423257 w 615750"/>
                <a:gd name="connsiteY98" fmla="*/ 68496 h 224605"/>
                <a:gd name="connsiteX99" fmla="*/ 431532 w 615750"/>
                <a:gd name="connsiteY99" fmla="*/ 88840 h 224605"/>
                <a:gd name="connsiteX100" fmla="*/ 453564 w 615750"/>
                <a:gd name="connsiteY100" fmla="*/ 143126 h 224605"/>
                <a:gd name="connsiteX101" fmla="*/ 456357 w 615750"/>
                <a:gd name="connsiteY101" fmla="*/ 151713 h 224605"/>
                <a:gd name="connsiteX102" fmla="*/ 459149 w 615750"/>
                <a:gd name="connsiteY102" fmla="*/ 143126 h 224605"/>
                <a:gd name="connsiteX103" fmla="*/ 487594 w 615750"/>
                <a:gd name="connsiteY103" fmla="*/ 73812 h 224605"/>
                <a:gd name="connsiteX104" fmla="*/ 536105 w 615750"/>
                <a:gd name="connsiteY104" fmla="*/ 46618 h 224605"/>
                <a:gd name="connsiteX105" fmla="*/ 565895 w 615750"/>
                <a:gd name="connsiteY105" fmla="*/ 51627 h 224605"/>
                <a:gd name="connsiteX106" fmla="*/ 565895 w 615750"/>
                <a:gd name="connsiteY106" fmla="*/ 72585 h 224605"/>
                <a:gd name="connsiteX107" fmla="*/ 530623 w 615750"/>
                <a:gd name="connsiteY107" fmla="*/ 58579 h 224605"/>
                <a:gd name="connsiteX108" fmla="*/ 503626 w 615750"/>
                <a:gd name="connsiteY108" fmla="*/ 82093 h 224605"/>
                <a:gd name="connsiteX109" fmla="*/ 535691 w 615750"/>
                <a:gd name="connsiteY109" fmla="*/ 109696 h 224605"/>
                <a:gd name="connsiteX110" fmla="*/ 573756 w 615750"/>
                <a:gd name="connsiteY110" fmla="*/ 149055 h 224605"/>
                <a:gd name="connsiteX111" fmla="*/ 520176 w 615750"/>
                <a:gd name="connsiteY111" fmla="*/ 191584 h 224605"/>
                <a:gd name="connsiteX112" fmla="*/ 482112 w 615750"/>
                <a:gd name="connsiteY112" fmla="*/ 181156 h 224605"/>
                <a:gd name="connsiteX113" fmla="*/ 482112 w 615750"/>
                <a:gd name="connsiteY113" fmla="*/ 157132 h 224605"/>
                <a:gd name="connsiteX114" fmla="*/ 483457 w 615750"/>
                <a:gd name="connsiteY114" fmla="*/ 158052 h 224605"/>
                <a:gd name="connsiteX115" fmla="*/ 526486 w 615750"/>
                <a:gd name="connsiteY115" fmla="*/ 177987 h 224605"/>
                <a:gd name="connsiteX116" fmla="*/ 556689 w 615750"/>
                <a:gd name="connsiteY116" fmla="*/ 155394 h 224605"/>
                <a:gd name="connsiteX117" fmla="*/ 525555 w 615750"/>
                <a:gd name="connsiteY117" fmla="*/ 127280 h 224605"/>
                <a:gd name="connsiteX118" fmla="*/ 488939 w 615750"/>
                <a:gd name="connsiteY118" fmla="*/ 100086 h 224605"/>
                <a:gd name="connsiteX119" fmla="*/ 436290 w 615750"/>
                <a:gd name="connsiteY119" fmla="*/ 224605 h 224605"/>
                <a:gd name="connsiteX120" fmla="*/ 417051 w 615750"/>
                <a:gd name="connsiteY120" fmla="*/ 224605 h 224605"/>
                <a:gd name="connsiteX121" fmla="*/ 421602 w 615750"/>
                <a:gd name="connsiteY121" fmla="*/ 216017 h 224605"/>
                <a:gd name="connsiteX122" fmla="*/ 425740 w 615750"/>
                <a:gd name="connsiteY122" fmla="*/ 208350 h 224605"/>
                <a:gd name="connsiteX123" fmla="*/ 425740 w 615750"/>
                <a:gd name="connsiteY123" fmla="*/ 207941 h 224605"/>
                <a:gd name="connsiteX124" fmla="*/ 444048 w 615750"/>
                <a:gd name="connsiteY124" fmla="*/ 168990 h 224605"/>
                <a:gd name="connsiteX125" fmla="*/ 406501 w 615750"/>
                <a:gd name="connsiteY125" fmla="*/ 79332 h 224605"/>
                <a:gd name="connsiteX126" fmla="*/ 404225 w 615750"/>
                <a:gd name="connsiteY126" fmla="*/ 74834 h 224605"/>
                <a:gd name="connsiteX127" fmla="*/ 390468 w 615750"/>
                <a:gd name="connsiteY127" fmla="*/ 59397 h 224605"/>
                <a:gd name="connsiteX128" fmla="*/ 376298 w 615750"/>
                <a:gd name="connsiteY128" fmla="*/ 57148 h 224605"/>
                <a:gd name="connsiteX129" fmla="*/ 348370 w 615750"/>
                <a:gd name="connsiteY129" fmla="*/ 80662 h 224605"/>
                <a:gd name="connsiteX130" fmla="*/ 381366 w 615750"/>
                <a:gd name="connsiteY130" fmla="*/ 108264 h 224605"/>
                <a:gd name="connsiteX131" fmla="*/ 419430 w 615750"/>
                <a:gd name="connsiteY131" fmla="*/ 147624 h 224605"/>
                <a:gd name="connsiteX132" fmla="*/ 365851 w 615750"/>
                <a:gd name="connsiteY132" fmla="*/ 190153 h 224605"/>
                <a:gd name="connsiteX133" fmla="*/ 330579 w 615750"/>
                <a:gd name="connsiteY133" fmla="*/ 181974 h 224605"/>
                <a:gd name="connsiteX134" fmla="*/ 330269 w 615750"/>
                <a:gd name="connsiteY134" fmla="*/ 159483 h 224605"/>
                <a:gd name="connsiteX135" fmla="*/ 330269 w 615750"/>
                <a:gd name="connsiteY135" fmla="*/ 159483 h 224605"/>
                <a:gd name="connsiteX136" fmla="*/ 63199 w 615750"/>
                <a:gd name="connsiteY136" fmla="*/ 47640 h 224605"/>
                <a:gd name="connsiteX137" fmla="*/ 63613 w 615750"/>
                <a:gd name="connsiteY137" fmla="*/ 63486 h 224605"/>
                <a:gd name="connsiteX138" fmla="*/ 63613 w 615750"/>
                <a:gd name="connsiteY138" fmla="*/ 64407 h 224605"/>
                <a:gd name="connsiteX139" fmla="*/ 63613 w 615750"/>
                <a:gd name="connsiteY139" fmla="*/ 64407 h 224605"/>
                <a:gd name="connsiteX140" fmla="*/ 64544 w 615750"/>
                <a:gd name="connsiteY140" fmla="*/ 62566 h 224605"/>
                <a:gd name="connsiteX141" fmla="*/ 107159 w 615750"/>
                <a:gd name="connsiteY141" fmla="*/ 45391 h 224605"/>
                <a:gd name="connsiteX142" fmla="*/ 146051 w 615750"/>
                <a:gd name="connsiteY142" fmla="*/ 77083 h 224605"/>
                <a:gd name="connsiteX143" fmla="*/ 146051 w 615750"/>
                <a:gd name="connsiteY143" fmla="*/ 163572 h 224605"/>
                <a:gd name="connsiteX144" fmla="*/ 146051 w 615750"/>
                <a:gd name="connsiteY144" fmla="*/ 163981 h 224605"/>
                <a:gd name="connsiteX145" fmla="*/ 146051 w 615750"/>
                <a:gd name="connsiteY145" fmla="*/ 185757 h 224605"/>
                <a:gd name="connsiteX146" fmla="*/ 126398 w 615750"/>
                <a:gd name="connsiteY146" fmla="*/ 185757 h 224605"/>
                <a:gd name="connsiteX147" fmla="*/ 126398 w 615750"/>
                <a:gd name="connsiteY147" fmla="*/ 159994 h 224605"/>
                <a:gd name="connsiteX148" fmla="*/ 126398 w 615750"/>
                <a:gd name="connsiteY148" fmla="*/ 86182 h 224605"/>
                <a:gd name="connsiteX149" fmla="*/ 96195 w 615750"/>
                <a:gd name="connsiteY149" fmla="*/ 59908 h 224605"/>
                <a:gd name="connsiteX150" fmla="*/ 64130 w 615750"/>
                <a:gd name="connsiteY150" fmla="*/ 84853 h 224605"/>
                <a:gd name="connsiteX151" fmla="*/ 64130 w 615750"/>
                <a:gd name="connsiteY151" fmla="*/ 164083 h 224605"/>
                <a:gd name="connsiteX152" fmla="*/ 64130 w 615750"/>
                <a:gd name="connsiteY152" fmla="*/ 164492 h 224605"/>
                <a:gd name="connsiteX153" fmla="*/ 64130 w 615750"/>
                <a:gd name="connsiteY153" fmla="*/ 185757 h 224605"/>
                <a:gd name="connsiteX154" fmla="*/ 43960 w 615750"/>
                <a:gd name="connsiteY154" fmla="*/ 185757 h 224605"/>
                <a:gd name="connsiteX155" fmla="*/ 43960 w 615750"/>
                <a:gd name="connsiteY155" fmla="*/ 163981 h 224605"/>
                <a:gd name="connsiteX156" fmla="*/ 43960 w 615750"/>
                <a:gd name="connsiteY156" fmla="*/ 65736 h 224605"/>
                <a:gd name="connsiteX157" fmla="*/ 43960 w 615750"/>
                <a:gd name="connsiteY157" fmla="*/ 47640 h 224605"/>
                <a:gd name="connsiteX158" fmla="*/ 47580 w 615750"/>
                <a:gd name="connsiteY158" fmla="*/ 47640 h 224605"/>
                <a:gd name="connsiteX159" fmla="*/ 58544 w 615750"/>
                <a:gd name="connsiteY159" fmla="*/ 47640 h 224605"/>
                <a:gd name="connsiteX160" fmla="*/ 63199 w 615750"/>
                <a:gd name="connsiteY160" fmla="*/ 47640 h 224605"/>
                <a:gd name="connsiteX161" fmla="*/ 63199 w 615750"/>
                <a:gd name="connsiteY161" fmla="*/ 47640 h 22460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 ang="0">
                  <a:pos x="connsiteX76" y="connsiteY76"/>
                </a:cxn>
                <a:cxn ang="0">
                  <a:pos x="connsiteX77" y="connsiteY77"/>
                </a:cxn>
                <a:cxn ang="0">
                  <a:pos x="connsiteX78" y="connsiteY78"/>
                </a:cxn>
                <a:cxn ang="0">
                  <a:pos x="connsiteX79" y="connsiteY79"/>
                </a:cxn>
                <a:cxn ang="0">
                  <a:pos x="connsiteX80" y="connsiteY80"/>
                </a:cxn>
                <a:cxn ang="0">
                  <a:pos x="connsiteX81" y="connsiteY81"/>
                </a:cxn>
                <a:cxn ang="0">
                  <a:pos x="connsiteX82" y="connsiteY82"/>
                </a:cxn>
                <a:cxn ang="0">
                  <a:pos x="connsiteX83" y="connsiteY83"/>
                </a:cxn>
                <a:cxn ang="0">
                  <a:pos x="connsiteX84" y="connsiteY84"/>
                </a:cxn>
                <a:cxn ang="0">
                  <a:pos x="connsiteX85" y="connsiteY85"/>
                </a:cxn>
                <a:cxn ang="0">
                  <a:pos x="connsiteX86" y="connsiteY86"/>
                </a:cxn>
                <a:cxn ang="0">
                  <a:pos x="connsiteX87" y="connsiteY87"/>
                </a:cxn>
                <a:cxn ang="0">
                  <a:pos x="connsiteX88" y="connsiteY88"/>
                </a:cxn>
                <a:cxn ang="0">
                  <a:pos x="connsiteX89" y="connsiteY89"/>
                </a:cxn>
                <a:cxn ang="0">
                  <a:pos x="connsiteX90" y="connsiteY90"/>
                </a:cxn>
                <a:cxn ang="0">
                  <a:pos x="connsiteX91" y="connsiteY91"/>
                </a:cxn>
                <a:cxn ang="0">
                  <a:pos x="connsiteX92" y="connsiteY92"/>
                </a:cxn>
                <a:cxn ang="0">
                  <a:pos x="connsiteX93" y="connsiteY93"/>
                </a:cxn>
                <a:cxn ang="0">
                  <a:pos x="connsiteX94" y="connsiteY94"/>
                </a:cxn>
                <a:cxn ang="0">
                  <a:pos x="connsiteX95" y="connsiteY95"/>
                </a:cxn>
                <a:cxn ang="0">
                  <a:pos x="connsiteX96" y="connsiteY96"/>
                </a:cxn>
                <a:cxn ang="0">
                  <a:pos x="connsiteX97" y="connsiteY97"/>
                </a:cxn>
                <a:cxn ang="0">
                  <a:pos x="connsiteX98" y="connsiteY98"/>
                </a:cxn>
                <a:cxn ang="0">
                  <a:pos x="connsiteX99" y="connsiteY99"/>
                </a:cxn>
                <a:cxn ang="0">
                  <a:pos x="connsiteX100" y="connsiteY100"/>
                </a:cxn>
                <a:cxn ang="0">
                  <a:pos x="connsiteX101" y="connsiteY101"/>
                </a:cxn>
                <a:cxn ang="0">
                  <a:pos x="connsiteX102" y="connsiteY102"/>
                </a:cxn>
                <a:cxn ang="0">
                  <a:pos x="connsiteX103" y="connsiteY103"/>
                </a:cxn>
                <a:cxn ang="0">
                  <a:pos x="connsiteX104" y="connsiteY104"/>
                </a:cxn>
                <a:cxn ang="0">
                  <a:pos x="connsiteX105" y="connsiteY105"/>
                </a:cxn>
                <a:cxn ang="0">
                  <a:pos x="connsiteX106" y="connsiteY106"/>
                </a:cxn>
                <a:cxn ang="0">
                  <a:pos x="connsiteX107" y="connsiteY107"/>
                </a:cxn>
                <a:cxn ang="0">
                  <a:pos x="connsiteX108" y="connsiteY108"/>
                </a:cxn>
                <a:cxn ang="0">
                  <a:pos x="connsiteX109" y="connsiteY109"/>
                </a:cxn>
                <a:cxn ang="0">
                  <a:pos x="connsiteX110" y="connsiteY110"/>
                </a:cxn>
                <a:cxn ang="0">
                  <a:pos x="connsiteX111" y="connsiteY111"/>
                </a:cxn>
                <a:cxn ang="0">
                  <a:pos x="connsiteX112" y="connsiteY112"/>
                </a:cxn>
                <a:cxn ang="0">
                  <a:pos x="connsiteX113" y="connsiteY113"/>
                </a:cxn>
                <a:cxn ang="0">
                  <a:pos x="connsiteX114" y="connsiteY114"/>
                </a:cxn>
                <a:cxn ang="0">
                  <a:pos x="connsiteX115" y="connsiteY115"/>
                </a:cxn>
                <a:cxn ang="0">
                  <a:pos x="connsiteX116" y="connsiteY116"/>
                </a:cxn>
                <a:cxn ang="0">
                  <a:pos x="connsiteX117" y="connsiteY117"/>
                </a:cxn>
                <a:cxn ang="0">
                  <a:pos x="connsiteX118" y="connsiteY118"/>
                </a:cxn>
                <a:cxn ang="0">
                  <a:pos x="connsiteX119" y="connsiteY119"/>
                </a:cxn>
                <a:cxn ang="0">
                  <a:pos x="connsiteX120" y="connsiteY120"/>
                </a:cxn>
                <a:cxn ang="0">
                  <a:pos x="connsiteX121" y="connsiteY121"/>
                </a:cxn>
                <a:cxn ang="0">
                  <a:pos x="connsiteX122" y="connsiteY122"/>
                </a:cxn>
                <a:cxn ang="0">
                  <a:pos x="connsiteX123" y="connsiteY123"/>
                </a:cxn>
                <a:cxn ang="0">
                  <a:pos x="connsiteX124" y="connsiteY124"/>
                </a:cxn>
                <a:cxn ang="0">
                  <a:pos x="connsiteX125" y="connsiteY125"/>
                </a:cxn>
                <a:cxn ang="0">
                  <a:pos x="connsiteX126" y="connsiteY126"/>
                </a:cxn>
                <a:cxn ang="0">
                  <a:pos x="connsiteX127" y="connsiteY127"/>
                </a:cxn>
                <a:cxn ang="0">
                  <a:pos x="connsiteX128" y="connsiteY128"/>
                </a:cxn>
                <a:cxn ang="0">
                  <a:pos x="connsiteX129" y="connsiteY129"/>
                </a:cxn>
                <a:cxn ang="0">
                  <a:pos x="connsiteX130" y="connsiteY130"/>
                </a:cxn>
                <a:cxn ang="0">
                  <a:pos x="connsiteX131" y="connsiteY131"/>
                </a:cxn>
                <a:cxn ang="0">
                  <a:pos x="connsiteX132" y="connsiteY132"/>
                </a:cxn>
                <a:cxn ang="0">
                  <a:pos x="connsiteX133" y="connsiteY133"/>
                </a:cxn>
                <a:cxn ang="0">
                  <a:pos x="connsiteX134" y="connsiteY134"/>
                </a:cxn>
                <a:cxn ang="0">
                  <a:pos x="connsiteX135" y="connsiteY135"/>
                </a:cxn>
                <a:cxn ang="0">
                  <a:pos x="connsiteX136" y="connsiteY136"/>
                </a:cxn>
                <a:cxn ang="0">
                  <a:pos x="connsiteX137" y="connsiteY137"/>
                </a:cxn>
                <a:cxn ang="0">
                  <a:pos x="connsiteX138" y="connsiteY138"/>
                </a:cxn>
                <a:cxn ang="0">
                  <a:pos x="connsiteX139" y="connsiteY139"/>
                </a:cxn>
                <a:cxn ang="0">
                  <a:pos x="connsiteX140" y="connsiteY140"/>
                </a:cxn>
                <a:cxn ang="0">
                  <a:pos x="connsiteX141" y="connsiteY141"/>
                </a:cxn>
                <a:cxn ang="0">
                  <a:pos x="connsiteX142" y="connsiteY142"/>
                </a:cxn>
                <a:cxn ang="0">
                  <a:pos x="connsiteX143" y="connsiteY143"/>
                </a:cxn>
                <a:cxn ang="0">
                  <a:pos x="connsiteX144" y="connsiteY144"/>
                </a:cxn>
                <a:cxn ang="0">
                  <a:pos x="connsiteX145" y="connsiteY145"/>
                </a:cxn>
                <a:cxn ang="0">
                  <a:pos x="connsiteX146" y="connsiteY146"/>
                </a:cxn>
                <a:cxn ang="0">
                  <a:pos x="connsiteX147" y="connsiteY147"/>
                </a:cxn>
                <a:cxn ang="0">
                  <a:pos x="connsiteX148" y="connsiteY148"/>
                </a:cxn>
                <a:cxn ang="0">
                  <a:pos x="connsiteX149" y="connsiteY149"/>
                </a:cxn>
                <a:cxn ang="0">
                  <a:pos x="connsiteX150" y="connsiteY150"/>
                </a:cxn>
                <a:cxn ang="0">
                  <a:pos x="connsiteX151" y="connsiteY151"/>
                </a:cxn>
                <a:cxn ang="0">
                  <a:pos x="connsiteX152" y="connsiteY152"/>
                </a:cxn>
                <a:cxn ang="0">
                  <a:pos x="connsiteX153" y="connsiteY153"/>
                </a:cxn>
                <a:cxn ang="0">
                  <a:pos x="connsiteX154" y="connsiteY154"/>
                </a:cxn>
                <a:cxn ang="0">
                  <a:pos x="connsiteX155" y="connsiteY155"/>
                </a:cxn>
                <a:cxn ang="0">
                  <a:pos x="connsiteX156" y="connsiteY156"/>
                </a:cxn>
                <a:cxn ang="0">
                  <a:pos x="connsiteX157" y="connsiteY157"/>
                </a:cxn>
                <a:cxn ang="0">
                  <a:pos x="connsiteX158" y="connsiteY158"/>
                </a:cxn>
                <a:cxn ang="0">
                  <a:pos x="connsiteX159" y="connsiteY159"/>
                </a:cxn>
                <a:cxn ang="0">
                  <a:pos x="connsiteX160" y="connsiteY160"/>
                </a:cxn>
                <a:cxn ang="0">
                  <a:pos x="connsiteX161" y="connsiteY161"/>
                </a:cxn>
              </a:cxnLst>
              <a:rect l="l" t="t" r="r" b="b"/>
              <a:pathLst>
                <a:path w="615750" h="224605">
                  <a:moveTo>
                    <a:pt x="596925" y="37213"/>
                  </a:moveTo>
                  <a:cubicBezTo>
                    <a:pt x="606958" y="37213"/>
                    <a:pt x="615750" y="29034"/>
                    <a:pt x="615750" y="18606"/>
                  </a:cubicBezTo>
                  <a:cubicBezTo>
                    <a:pt x="615750" y="8690"/>
                    <a:pt x="607476" y="0"/>
                    <a:pt x="596925" y="0"/>
                  </a:cubicBezTo>
                  <a:cubicBezTo>
                    <a:pt x="586892" y="0"/>
                    <a:pt x="578100" y="8179"/>
                    <a:pt x="578100" y="18606"/>
                  </a:cubicBezTo>
                  <a:cubicBezTo>
                    <a:pt x="578617" y="29034"/>
                    <a:pt x="586892" y="37213"/>
                    <a:pt x="596925" y="37213"/>
                  </a:cubicBezTo>
                  <a:lnTo>
                    <a:pt x="596925" y="37213"/>
                  </a:lnTo>
                  <a:close/>
                  <a:moveTo>
                    <a:pt x="581410" y="18709"/>
                  </a:moveTo>
                  <a:cubicBezTo>
                    <a:pt x="581410" y="10121"/>
                    <a:pt x="588754" y="2863"/>
                    <a:pt x="597442" y="2863"/>
                  </a:cubicBezTo>
                  <a:cubicBezTo>
                    <a:pt x="606131" y="2863"/>
                    <a:pt x="613475" y="10121"/>
                    <a:pt x="613475" y="18709"/>
                  </a:cubicBezTo>
                  <a:cubicBezTo>
                    <a:pt x="613475" y="27296"/>
                    <a:pt x="606131" y="34555"/>
                    <a:pt x="597442" y="34555"/>
                  </a:cubicBezTo>
                  <a:cubicBezTo>
                    <a:pt x="588237" y="34555"/>
                    <a:pt x="581410" y="27296"/>
                    <a:pt x="581410" y="18709"/>
                  </a:cubicBezTo>
                  <a:lnTo>
                    <a:pt x="581410" y="18709"/>
                  </a:lnTo>
                  <a:close/>
                  <a:moveTo>
                    <a:pt x="590098" y="28216"/>
                  </a:moveTo>
                  <a:lnTo>
                    <a:pt x="593719" y="28216"/>
                  </a:lnTo>
                  <a:lnTo>
                    <a:pt x="593719" y="20038"/>
                  </a:lnTo>
                  <a:lnTo>
                    <a:pt x="597856" y="20038"/>
                  </a:lnTo>
                  <a:lnTo>
                    <a:pt x="601063" y="27705"/>
                  </a:lnTo>
                  <a:lnTo>
                    <a:pt x="605200" y="27705"/>
                  </a:lnTo>
                  <a:lnTo>
                    <a:pt x="601580" y="19118"/>
                  </a:lnTo>
                  <a:cubicBezTo>
                    <a:pt x="602924" y="18709"/>
                    <a:pt x="604786" y="17788"/>
                    <a:pt x="604786" y="14108"/>
                  </a:cubicBezTo>
                  <a:cubicBezTo>
                    <a:pt x="604786" y="8690"/>
                    <a:pt x="600649" y="7770"/>
                    <a:pt x="597029" y="7770"/>
                  </a:cubicBezTo>
                  <a:lnTo>
                    <a:pt x="590616" y="7770"/>
                  </a:lnTo>
                  <a:lnTo>
                    <a:pt x="590616" y="28114"/>
                  </a:lnTo>
                  <a:lnTo>
                    <a:pt x="590098" y="28114"/>
                  </a:lnTo>
                  <a:close/>
                  <a:moveTo>
                    <a:pt x="593719" y="11859"/>
                  </a:moveTo>
                  <a:lnTo>
                    <a:pt x="597856" y="11859"/>
                  </a:lnTo>
                  <a:cubicBezTo>
                    <a:pt x="600132" y="11859"/>
                    <a:pt x="601063" y="12779"/>
                    <a:pt x="601063" y="14619"/>
                  </a:cubicBezTo>
                  <a:cubicBezTo>
                    <a:pt x="601063" y="16459"/>
                    <a:pt x="599718" y="17380"/>
                    <a:pt x="597856" y="17380"/>
                  </a:cubicBezTo>
                  <a:lnTo>
                    <a:pt x="593719" y="17380"/>
                  </a:lnTo>
                  <a:lnTo>
                    <a:pt x="593719" y="11859"/>
                  </a:lnTo>
                  <a:lnTo>
                    <a:pt x="593719" y="11859"/>
                  </a:lnTo>
                  <a:close/>
                  <a:moveTo>
                    <a:pt x="0" y="26785"/>
                  </a:moveTo>
                  <a:lnTo>
                    <a:pt x="0" y="26785"/>
                  </a:lnTo>
                  <a:lnTo>
                    <a:pt x="0" y="5112"/>
                  </a:lnTo>
                  <a:lnTo>
                    <a:pt x="22032" y="5112"/>
                  </a:lnTo>
                  <a:lnTo>
                    <a:pt x="22032" y="26887"/>
                  </a:lnTo>
                  <a:lnTo>
                    <a:pt x="22032" y="26887"/>
                  </a:lnTo>
                  <a:lnTo>
                    <a:pt x="22032" y="164083"/>
                  </a:lnTo>
                  <a:lnTo>
                    <a:pt x="22032" y="164492"/>
                  </a:lnTo>
                  <a:lnTo>
                    <a:pt x="22032" y="185757"/>
                  </a:lnTo>
                  <a:lnTo>
                    <a:pt x="0" y="185757"/>
                  </a:lnTo>
                  <a:lnTo>
                    <a:pt x="0" y="163981"/>
                  </a:lnTo>
                  <a:lnTo>
                    <a:pt x="0" y="163572"/>
                  </a:lnTo>
                  <a:lnTo>
                    <a:pt x="0" y="26785"/>
                  </a:lnTo>
                  <a:lnTo>
                    <a:pt x="0" y="26785"/>
                  </a:lnTo>
                  <a:close/>
                  <a:moveTo>
                    <a:pt x="224041" y="120123"/>
                  </a:moveTo>
                  <a:cubicBezTo>
                    <a:pt x="224455" y="153144"/>
                    <a:pt x="245142" y="179418"/>
                    <a:pt x="270276" y="179009"/>
                  </a:cubicBezTo>
                  <a:cubicBezTo>
                    <a:pt x="295515" y="178600"/>
                    <a:pt x="315167" y="151406"/>
                    <a:pt x="314754" y="118794"/>
                  </a:cubicBezTo>
                  <a:cubicBezTo>
                    <a:pt x="314340" y="85773"/>
                    <a:pt x="293653" y="59499"/>
                    <a:pt x="268518" y="59908"/>
                  </a:cubicBezTo>
                  <a:cubicBezTo>
                    <a:pt x="243280" y="60317"/>
                    <a:pt x="223524" y="87000"/>
                    <a:pt x="224041" y="120123"/>
                  </a:cubicBezTo>
                  <a:lnTo>
                    <a:pt x="224041" y="120123"/>
                  </a:lnTo>
                  <a:close/>
                  <a:moveTo>
                    <a:pt x="406397" y="80253"/>
                  </a:moveTo>
                  <a:cubicBezTo>
                    <a:pt x="406811" y="81582"/>
                    <a:pt x="405466" y="78412"/>
                    <a:pt x="405466" y="78412"/>
                  </a:cubicBezTo>
                  <a:lnTo>
                    <a:pt x="406397" y="80253"/>
                  </a:lnTo>
                  <a:lnTo>
                    <a:pt x="406397" y="80253"/>
                  </a:lnTo>
                  <a:close/>
                  <a:moveTo>
                    <a:pt x="421499" y="216529"/>
                  </a:moveTo>
                  <a:cubicBezTo>
                    <a:pt x="422430" y="214688"/>
                    <a:pt x="423774" y="212439"/>
                    <a:pt x="425636" y="208861"/>
                  </a:cubicBezTo>
                  <a:lnTo>
                    <a:pt x="421499" y="216529"/>
                  </a:lnTo>
                  <a:lnTo>
                    <a:pt x="421499" y="216529"/>
                  </a:lnTo>
                  <a:close/>
                  <a:moveTo>
                    <a:pt x="422843" y="68905"/>
                  </a:moveTo>
                  <a:cubicBezTo>
                    <a:pt x="423257" y="69825"/>
                    <a:pt x="423257" y="70234"/>
                    <a:pt x="423774" y="71154"/>
                  </a:cubicBezTo>
                  <a:lnTo>
                    <a:pt x="431118" y="89249"/>
                  </a:lnTo>
                  <a:lnTo>
                    <a:pt x="422843" y="68905"/>
                  </a:lnTo>
                  <a:lnTo>
                    <a:pt x="422843" y="68905"/>
                  </a:lnTo>
                  <a:close/>
                  <a:moveTo>
                    <a:pt x="330269" y="159483"/>
                  </a:moveTo>
                  <a:cubicBezTo>
                    <a:pt x="344026" y="171751"/>
                    <a:pt x="355921" y="178089"/>
                    <a:pt x="371953" y="178089"/>
                  </a:cubicBezTo>
                  <a:cubicBezTo>
                    <a:pt x="387986" y="178089"/>
                    <a:pt x="402156" y="170422"/>
                    <a:pt x="402156" y="155496"/>
                  </a:cubicBezTo>
                  <a:cubicBezTo>
                    <a:pt x="402156" y="142819"/>
                    <a:pt x="391192" y="135560"/>
                    <a:pt x="371022" y="127382"/>
                  </a:cubicBezTo>
                  <a:cubicBezTo>
                    <a:pt x="354059" y="120123"/>
                    <a:pt x="341750" y="115114"/>
                    <a:pt x="334820" y="104788"/>
                  </a:cubicBezTo>
                  <a:cubicBezTo>
                    <a:pt x="335751" y="109287"/>
                    <a:pt x="336165" y="113887"/>
                    <a:pt x="336165" y="118794"/>
                  </a:cubicBezTo>
                  <a:cubicBezTo>
                    <a:pt x="336165" y="159074"/>
                    <a:pt x="306375" y="191686"/>
                    <a:pt x="269759" y="191686"/>
                  </a:cubicBezTo>
                  <a:cubicBezTo>
                    <a:pt x="233143" y="191686"/>
                    <a:pt x="203354" y="159074"/>
                    <a:pt x="203354" y="118794"/>
                  </a:cubicBezTo>
                  <a:cubicBezTo>
                    <a:pt x="203354" y="94361"/>
                    <a:pt x="214318" y="73096"/>
                    <a:pt x="230868" y="59499"/>
                  </a:cubicBezTo>
                  <a:lnTo>
                    <a:pt x="185977" y="59499"/>
                  </a:lnTo>
                  <a:lnTo>
                    <a:pt x="185977" y="164083"/>
                  </a:lnTo>
                  <a:lnTo>
                    <a:pt x="185977" y="164492"/>
                  </a:lnTo>
                  <a:lnTo>
                    <a:pt x="185977" y="186268"/>
                  </a:lnTo>
                  <a:lnTo>
                    <a:pt x="166324" y="186268"/>
                  </a:lnTo>
                  <a:lnTo>
                    <a:pt x="166324" y="165412"/>
                  </a:lnTo>
                  <a:cubicBezTo>
                    <a:pt x="166324" y="165003"/>
                    <a:pt x="166324" y="164492"/>
                    <a:pt x="166324" y="164492"/>
                  </a:cubicBezTo>
                  <a:lnTo>
                    <a:pt x="166324" y="59397"/>
                  </a:lnTo>
                  <a:lnTo>
                    <a:pt x="148947" y="59397"/>
                  </a:lnTo>
                  <a:lnTo>
                    <a:pt x="148947" y="46311"/>
                  </a:lnTo>
                  <a:lnTo>
                    <a:pt x="166841" y="46311"/>
                  </a:lnTo>
                  <a:cubicBezTo>
                    <a:pt x="169117" y="19629"/>
                    <a:pt x="185666" y="4703"/>
                    <a:pt x="208939" y="4703"/>
                  </a:cubicBezTo>
                  <a:cubicBezTo>
                    <a:pt x="224041" y="4703"/>
                    <a:pt x="232316" y="6032"/>
                    <a:pt x="236867" y="8281"/>
                  </a:cubicBezTo>
                  <a:lnTo>
                    <a:pt x="236867" y="26376"/>
                  </a:lnTo>
                  <a:cubicBezTo>
                    <a:pt x="236867" y="27705"/>
                    <a:pt x="236867" y="28625"/>
                    <a:pt x="236867" y="28625"/>
                  </a:cubicBezTo>
                  <a:lnTo>
                    <a:pt x="235936" y="28625"/>
                  </a:lnTo>
                  <a:cubicBezTo>
                    <a:pt x="228592" y="21878"/>
                    <a:pt x="221765" y="17277"/>
                    <a:pt x="205216" y="17277"/>
                  </a:cubicBezTo>
                  <a:cubicBezTo>
                    <a:pt x="191976" y="17277"/>
                    <a:pt x="183184" y="27705"/>
                    <a:pt x="186390" y="46209"/>
                  </a:cubicBezTo>
                  <a:lnTo>
                    <a:pt x="261071" y="46209"/>
                  </a:lnTo>
                  <a:cubicBezTo>
                    <a:pt x="264277" y="45800"/>
                    <a:pt x="267484" y="45289"/>
                    <a:pt x="270690" y="45289"/>
                  </a:cubicBezTo>
                  <a:cubicBezTo>
                    <a:pt x="297273" y="45289"/>
                    <a:pt x="320132" y="62464"/>
                    <a:pt x="330683" y="87409"/>
                  </a:cubicBezTo>
                  <a:cubicBezTo>
                    <a:pt x="330683" y="86080"/>
                    <a:pt x="330683" y="84649"/>
                    <a:pt x="330683" y="82911"/>
                  </a:cubicBezTo>
                  <a:cubicBezTo>
                    <a:pt x="330683" y="57148"/>
                    <a:pt x="356335" y="45800"/>
                    <a:pt x="382400" y="45800"/>
                  </a:cubicBezTo>
                  <a:cubicBezTo>
                    <a:pt x="383331" y="45800"/>
                    <a:pt x="384262" y="45800"/>
                    <a:pt x="385193" y="45800"/>
                  </a:cubicBezTo>
                  <a:cubicBezTo>
                    <a:pt x="394399" y="45800"/>
                    <a:pt x="407639" y="48560"/>
                    <a:pt x="415913" y="50810"/>
                  </a:cubicBezTo>
                  <a:lnTo>
                    <a:pt x="423257" y="68496"/>
                  </a:lnTo>
                  <a:lnTo>
                    <a:pt x="431532" y="88840"/>
                  </a:lnTo>
                  <a:lnTo>
                    <a:pt x="453564" y="143126"/>
                  </a:lnTo>
                  <a:lnTo>
                    <a:pt x="456357" y="151713"/>
                  </a:lnTo>
                  <a:lnTo>
                    <a:pt x="459149" y="143126"/>
                  </a:lnTo>
                  <a:lnTo>
                    <a:pt x="487594" y="73812"/>
                  </a:lnTo>
                  <a:cubicBezTo>
                    <a:pt x="492662" y="54797"/>
                    <a:pt x="513660" y="46618"/>
                    <a:pt x="536105" y="46618"/>
                  </a:cubicBezTo>
                  <a:cubicBezTo>
                    <a:pt x="547587" y="46618"/>
                    <a:pt x="555758" y="47947"/>
                    <a:pt x="565895" y="51627"/>
                  </a:cubicBezTo>
                  <a:lnTo>
                    <a:pt x="565895" y="72585"/>
                  </a:lnTo>
                  <a:cubicBezTo>
                    <a:pt x="553482" y="63486"/>
                    <a:pt x="544794" y="58579"/>
                    <a:pt x="530623" y="58579"/>
                  </a:cubicBezTo>
                  <a:cubicBezTo>
                    <a:pt x="518211" y="58579"/>
                    <a:pt x="503626" y="63998"/>
                    <a:pt x="503626" y="82093"/>
                  </a:cubicBezTo>
                  <a:cubicBezTo>
                    <a:pt x="503213" y="95690"/>
                    <a:pt x="511384" y="97939"/>
                    <a:pt x="535691" y="109696"/>
                  </a:cubicBezTo>
                  <a:cubicBezTo>
                    <a:pt x="555344" y="118283"/>
                    <a:pt x="573756" y="127382"/>
                    <a:pt x="573756" y="149055"/>
                  </a:cubicBezTo>
                  <a:cubicBezTo>
                    <a:pt x="573756" y="185245"/>
                    <a:pt x="537553" y="191584"/>
                    <a:pt x="520176" y="191584"/>
                  </a:cubicBezTo>
                  <a:cubicBezTo>
                    <a:pt x="504557" y="191584"/>
                    <a:pt x="489973" y="188006"/>
                    <a:pt x="482112" y="181156"/>
                  </a:cubicBezTo>
                  <a:lnTo>
                    <a:pt x="482112" y="157132"/>
                  </a:lnTo>
                  <a:lnTo>
                    <a:pt x="483457" y="158052"/>
                  </a:lnTo>
                  <a:cubicBezTo>
                    <a:pt x="497627" y="171137"/>
                    <a:pt x="510453" y="177987"/>
                    <a:pt x="526486" y="177987"/>
                  </a:cubicBezTo>
                  <a:cubicBezTo>
                    <a:pt x="542518" y="177987"/>
                    <a:pt x="556689" y="170320"/>
                    <a:pt x="556689" y="155394"/>
                  </a:cubicBezTo>
                  <a:cubicBezTo>
                    <a:pt x="556689" y="142717"/>
                    <a:pt x="545725" y="135458"/>
                    <a:pt x="525555" y="127280"/>
                  </a:cubicBezTo>
                  <a:cubicBezTo>
                    <a:pt x="506316" y="119101"/>
                    <a:pt x="493904" y="113683"/>
                    <a:pt x="488939" y="100086"/>
                  </a:cubicBezTo>
                  <a:cubicBezTo>
                    <a:pt x="481181" y="118692"/>
                    <a:pt x="444979" y="205999"/>
                    <a:pt x="436290" y="224605"/>
                  </a:cubicBezTo>
                  <a:lnTo>
                    <a:pt x="417051" y="224605"/>
                  </a:lnTo>
                  <a:lnTo>
                    <a:pt x="421602" y="216017"/>
                  </a:lnTo>
                  <a:lnTo>
                    <a:pt x="425740" y="208350"/>
                  </a:lnTo>
                  <a:lnTo>
                    <a:pt x="425740" y="207941"/>
                  </a:lnTo>
                  <a:cubicBezTo>
                    <a:pt x="430808" y="198433"/>
                    <a:pt x="437635" y="183508"/>
                    <a:pt x="444048" y="168990"/>
                  </a:cubicBezTo>
                  <a:lnTo>
                    <a:pt x="406501" y="79332"/>
                  </a:lnTo>
                  <a:cubicBezTo>
                    <a:pt x="406087" y="78924"/>
                    <a:pt x="405570" y="77492"/>
                    <a:pt x="404225" y="74834"/>
                  </a:cubicBezTo>
                  <a:cubicBezTo>
                    <a:pt x="401432" y="68496"/>
                    <a:pt x="398743" y="62157"/>
                    <a:pt x="390468" y="59397"/>
                  </a:cubicBezTo>
                  <a:cubicBezTo>
                    <a:pt x="386331" y="58068"/>
                    <a:pt x="381263" y="57148"/>
                    <a:pt x="376298" y="57148"/>
                  </a:cubicBezTo>
                  <a:cubicBezTo>
                    <a:pt x="363885" y="57148"/>
                    <a:pt x="348370" y="62566"/>
                    <a:pt x="348370" y="80662"/>
                  </a:cubicBezTo>
                  <a:cubicBezTo>
                    <a:pt x="347956" y="94258"/>
                    <a:pt x="357059" y="96508"/>
                    <a:pt x="381366" y="108264"/>
                  </a:cubicBezTo>
                  <a:cubicBezTo>
                    <a:pt x="401019" y="116852"/>
                    <a:pt x="419430" y="125951"/>
                    <a:pt x="419430" y="147624"/>
                  </a:cubicBezTo>
                  <a:cubicBezTo>
                    <a:pt x="419430" y="183814"/>
                    <a:pt x="383228" y="190153"/>
                    <a:pt x="365851" y="190153"/>
                  </a:cubicBezTo>
                  <a:cubicBezTo>
                    <a:pt x="352094" y="190153"/>
                    <a:pt x="338854" y="186983"/>
                    <a:pt x="330579" y="181974"/>
                  </a:cubicBezTo>
                  <a:lnTo>
                    <a:pt x="330269" y="159483"/>
                  </a:lnTo>
                  <a:lnTo>
                    <a:pt x="330269" y="159483"/>
                  </a:lnTo>
                  <a:close/>
                  <a:moveTo>
                    <a:pt x="63199" y="47640"/>
                  </a:moveTo>
                  <a:lnTo>
                    <a:pt x="63613" y="63486"/>
                  </a:lnTo>
                  <a:lnTo>
                    <a:pt x="63613" y="64407"/>
                  </a:lnTo>
                  <a:lnTo>
                    <a:pt x="63613" y="64407"/>
                  </a:lnTo>
                  <a:cubicBezTo>
                    <a:pt x="64026" y="63998"/>
                    <a:pt x="64026" y="63078"/>
                    <a:pt x="64544" y="62566"/>
                  </a:cubicBezTo>
                  <a:cubicBezTo>
                    <a:pt x="72818" y="53979"/>
                    <a:pt x="82852" y="45391"/>
                    <a:pt x="107159" y="45391"/>
                  </a:cubicBezTo>
                  <a:cubicBezTo>
                    <a:pt x="130535" y="45391"/>
                    <a:pt x="145223" y="64815"/>
                    <a:pt x="146051" y="77083"/>
                  </a:cubicBezTo>
                  <a:lnTo>
                    <a:pt x="146051" y="163572"/>
                  </a:lnTo>
                  <a:lnTo>
                    <a:pt x="146051" y="163981"/>
                  </a:lnTo>
                  <a:lnTo>
                    <a:pt x="146051" y="185757"/>
                  </a:lnTo>
                  <a:lnTo>
                    <a:pt x="126398" y="185757"/>
                  </a:lnTo>
                  <a:lnTo>
                    <a:pt x="126398" y="159994"/>
                  </a:lnTo>
                  <a:lnTo>
                    <a:pt x="126398" y="86182"/>
                  </a:lnTo>
                  <a:cubicBezTo>
                    <a:pt x="126398" y="70745"/>
                    <a:pt x="112641" y="59908"/>
                    <a:pt x="96195" y="59908"/>
                  </a:cubicBezTo>
                  <a:cubicBezTo>
                    <a:pt x="82438" y="59908"/>
                    <a:pt x="64544" y="72176"/>
                    <a:pt x="64130" y="84853"/>
                  </a:cubicBezTo>
                  <a:lnTo>
                    <a:pt x="64130" y="164083"/>
                  </a:lnTo>
                  <a:lnTo>
                    <a:pt x="64130" y="164492"/>
                  </a:lnTo>
                  <a:lnTo>
                    <a:pt x="64130" y="185757"/>
                  </a:lnTo>
                  <a:lnTo>
                    <a:pt x="43960" y="185757"/>
                  </a:lnTo>
                  <a:lnTo>
                    <a:pt x="43960" y="163981"/>
                  </a:lnTo>
                  <a:lnTo>
                    <a:pt x="43960" y="65736"/>
                  </a:lnTo>
                  <a:lnTo>
                    <a:pt x="43960" y="47640"/>
                  </a:lnTo>
                  <a:lnTo>
                    <a:pt x="47580" y="47640"/>
                  </a:lnTo>
                  <a:lnTo>
                    <a:pt x="58544" y="47640"/>
                  </a:lnTo>
                  <a:lnTo>
                    <a:pt x="63199" y="47640"/>
                  </a:lnTo>
                  <a:lnTo>
                    <a:pt x="63199" y="47640"/>
                  </a:lnTo>
                  <a:close/>
                </a:path>
              </a:pathLst>
            </a:custGeom>
            <a:solidFill>
              <a:srgbClr val="007CC3"/>
            </a:solidFill>
            <a:ln w="10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145" name="Graphic 67">
              <a:extLst>
                <a:ext uri="{FF2B5EF4-FFF2-40B4-BE49-F238E27FC236}">
                  <a16:creationId xmlns:a16="http://schemas.microsoft.com/office/drawing/2014/main" id="{5E5F1D5F-31B8-E593-4017-4239CCD88650}"/>
                </a:ext>
              </a:extLst>
            </p:cNvPr>
            <p:cNvSpPr/>
            <p:nvPr/>
          </p:nvSpPr>
          <p:spPr>
            <a:xfrm>
              <a:off x="11140466" y="3627367"/>
              <a:ext cx="351034" cy="349062"/>
            </a:xfrm>
            <a:custGeom>
              <a:avLst/>
              <a:gdLst>
                <a:gd name="connsiteX0" fmla="*/ 73757 w 386137"/>
                <a:gd name="connsiteY0" fmla="*/ 343836 h 383968"/>
                <a:gd name="connsiteX1" fmla="*/ 191984 w 386137"/>
                <a:gd name="connsiteY1" fmla="*/ 383968 h 383968"/>
                <a:gd name="connsiteX2" fmla="*/ 318889 w 386137"/>
                <a:gd name="connsiteY2" fmla="*/ 336243 h 383968"/>
                <a:gd name="connsiteX3" fmla="*/ 191984 w 386137"/>
                <a:gd name="connsiteY3" fmla="*/ 368783 h 383968"/>
                <a:gd name="connsiteX4" fmla="*/ 73757 w 386137"/>
                <a:gd name="connsiteY4" fmla="*/ 343836 h 383968"/>
                <a:gd name="connsiteX5" fmla="*/ 205000 w 386137"/>
                <a:gd name="connsiteY5" fmla="*/ 353598 h 383968"/>
                <a:gd name="connsiteX6" fmla="*/ 335159 w 386137"/>
                <a:gd name="connsiteY6" fmla="*/ 314550 h 383968"/>
                <a:gd name="connsiteX7" fmla="*/ 359021 w 386137"/>
                <a:gd name="connsiteY7" fmla="*/ 286349 h 383968"/>
                <a:gd name="connsiteX8" fmla="*/ 370952 w 386137"/>
                <a:gd name="connsiteY8" fmla="*/ 262487 h 383968"/>
                <a:gd name="connsiteX9" fmla="*/ 171376 w 386137"/>
                <a:gd name="connsiteY9" fmla="*/ 331905 h 383968"/>
                <a:gd name="connsiteX10" fmla="*/ 18439 w 386137"/>
                <a:gd name="connsiteY10" fmla="*/ 274418 h 383968"/>
                <a:gd name="connsiteX11" fmla="*/ 205000 w 386137"/>
                <a:gd name="connsiteY11" fmla="*/ 353598 h 383968"/>
                <a:gd name="connsiteX12" fmla="*/ 152936 w 386137"/>
                <a:gd name="connsiteY12" fmla="*/ 268995 h 383968"/>
                <a:gd name="connsiteX13" fmla="*/ 0 w 386137"/>
                <a:gd name="connsiteY13" fmla="*/ 191984 h 383968"/>
                <a:gd name="connsiteX14" fmla="*/ 3254 w 386137"/>
                <a:gd name="connsiteY14" fmla="*/ 225608 h 383968"/>
                <a:gd name="connsiteX15" fmla="*/ 13016 w 386137"/>
                <a:gd name="connsiteY15" fmla="*/ 242963 h 383968"/>
                <a:gd name="connsiteX16" fmla="*/ 199577 w 386137"/>
                <a:gd name="connsiteY16" fmla="*/ 302619 h 383968"/>
                <a:gd name="connsiteX17" fmla="*/ 378545 w 386137"/>
                <a:gd name="connsiteY17" fmla="*/ 240794 h 383968"/>
                <a:gd name="connsiteX18" fmla="*/ 386137 w 386137"/>
                <a:gd name="connsiteY18" fmla="*/ 193069 h 383968"/>
                <a:gd name="connsiteX19" fmla="*/ 386137 w 386137"/>
                <a:gd name="connsiteY19" fmla="*/ 182222 h 383968"/>
                <a:gd name="connsiteX20" fmla="*/ 152936 w 386137"/>
                <a:gd name="connsiteY20" fmla="*/ 268995 h 383968"/>
                <a:gd name="connsiteX21" fmla="*/ 17354 w 386137"/>
                <a:gd name="connsiteY21" fmla="*/ 109550 h 383968"/>
                <a:gd name="connsiteX22" fmla="*/ 3254 w 386137"/>
                <a:gd name="connsiteY22" fmla="*/ 149682 h 383968"/>
                <a:gd name="connsiteX23" fmla="*/ 4339 w 386137"/>
                <a:gd name="connsiteY23" fmla="*/ 159444 h 383968"/>
                <a:gd name="connsiteX24" fmla="*/ 214762 w 386137"/>
                <a:gd name="connsiteY24" fmla="*/ 224524 h 383968"/>
                <a:gd name="connsiteX25" fmla="*/ 376375 w 386137"/>
                <a:gd name="connsiteY25" fmla="*/ 165952 h 383968"/>
                <a:gd name="connsiteX26" fmla="*/ 376375 w 386137"/>
                <a:gd name="connsiteY26" fmla="*/ 142090 h 383968"/>
                <a:gd name="connsiteX27" fmla="*/ 363360 w 386137"/>
                <a:gd name="connsiteY27" fmla="*/ 108466 h 383968"/>
                <a:gd name="connsiteX28" fmla="*/ 155106 w 386137"/>
                <a:gd name="connsiteY28" fmla="*/ 190899 h 383968"/>
                <a:gd name="connsiteX29" fmla="*/ 15185 w 386137"/>
                <a:gd name="connsiteY29" fmla="*/ 122566 h 383968"/>
                <a:gd name="connsiteX30" fmla="*/ 17354 w 386137"/>
                <a:gd name="connsiteY30" fmla="*/ 109550 h 383968"/>
                <a:gd name="connsiteX31" fmla="*/ 318889 w 386137"/>
                <a:gd name="connsiteY31" fmla="*/ 47725 h 383968"/>
                <a:gd name="connsiteX32" fmla="*/ 319973 w 386137"/>
                <a:gd name="connsiteY32" fmla="*/ 52063 h 383968"/>
                <a:gd name="connsiteX33" fmla="*/ 150767 w 386137"/>
                <a:gd name="connsiteY33" fmla="*/ 110635 h 383968"/>
                <a:gd name="connsiteX34" fmla="*/ 59656 w 386137"/>
                <a:gd name="connsiteY34" fmla="*/ 63995 h 383968"/>
                <a:gd name="connsiteX35" fmla="*/ 67249 w 386137"/>
                <a:gd name="connsiteY35" fmla="*/ 44471 h 383968"/>
                <a:gd name="connsiteX36" fmla="*/ 40132 w 386137"/>
                <a:gd name="connsiteY36" fmla="*/ 73757 h 383968"/>
                <a:gd name="connsiteX37" fmla="*/ 34709 w 386137"/>
                <a:gd name="connsiteY37" fmla="*/ 84603 h 383968"/>
                <a:gd name="connsiteX38" fmla="*/ 215846 w 386137"/>
                <a:gd name="connsiteY38" fmla="*/ 148598 h 383968"/>
                <a:gd name="connsiteX39" fmla="*/ 351428 w 386137"/>
                <a:gd name="connsiteY39" fmla="*/ 91111 h 383968"/>
                <a:gd name="connsiteX40" fmla="*/ 338413 w 386137"/>
                <a:gd name="connsiteY40" fmla="*/ 65079 h 383968"/>
                <a:gd name="connsiteX41" fmla="*/ 318889 w 386137"/>
                <a:gd name="connsiteY41" fmla="*/ 47725 h 383968"/>
                <a:gd name="connsiteX42" fmla="*/ 290688 w 386137"/>
                <a:gd name="connsiteY42" fmla="*/ 27116 h 383968"/>
                <a:gd name="connsiteX43" fmla="*/ 191984 w 386137"/>
                <a:gd name="connsiteY43" fmla="*/ 0 h 383968"/>
                <a:gd name="connsiteX44" fmla="*/ 92196 w 386137"/>
                <a:gd name="connsiteY44" fmla="*/ 28201 h 383968"/>
                <a:gd name="connsiteX45" fmla="*/ 78095 w 386137"/>
                <a:gd name="connsiteY45" fmla="*/ 42302 h 383968"/>
                <a:gd name="connsiteX46" fmla="*/ 183307 w 386137"/>
                <a:gd name="connsiteY46" fmla="*/ 75926 h 383968"/>
                <a:gd name="connsiteX47" fmla="*/ 301534 w 386137"/>
                <a:gd name="connsiteY47" fmla="*/ 37963 h 383968"/>
                <a:gd name="connsiteX48" fmla="*/ 290688 w 386137"/>
                <a:gd name="connsiteY48" fmla="*/ 27116 h 3839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Lst>
              <a:rect l="l" t="t" r="r" b="b"/>
              <a:pathLst>
                <a:path w="386137" h="383968">
                  <a:moveTo>
                    <a:pt x="73757" y="343836"/>
                  </a:moveTo>
                  <a:cubicBezTo>
                    <a:pt x="106296" y="368783"/>
                    <a:pt x="147513" y="383968"/>
                    <a:pt x="191984" y="383968"/>
                  </a:cubicBezTo>
                  <a:cubicBezTo>
                    <a:pt x="240794" y="383968"/>
                    <a:pt x="285264" y="365529"/>
                    <a:pt x="318889" y="336243"/>
                  </a:cubicBezTo>
                  <a:cubicBezTo>
                    <a:pt x="303704" y="346005"/>
                    <a:pt x="260317" y="368783"/>
                    <a:pt x="191984" y="368783"/>
                  </a:cubicBezTo>
                  <a:cubicBezTo>
                    <a:pt x="132328" y="368783"/>
                    <a:pt x="94365" y="355767"/>
                    <a:pt x="73757" y="343836"/>
                  </a:cubicBezTo>
                  <a:moveTo>
                    <a:pt x="205000" y="353598"/>
                  </a:moveTo>
                  <a:cubicBezTo>
                    <a:pt x="252725" y="353598"/>
                    <a:pt x="304788" y="340582"/>
                    <a:pt x="335159" y="314550"/>
                  </a:cubicBezTo>
                  <a:cubicBezTo>
                    <a:pt x="343836" y="308042"/>
                    <a:pt x="351428" y="298280"/>
                    <a:pt x="359021" y="286349"/>
                  </a:cubicBezTo>
                  <a:cubicBezTo>
                    <a:pt x="363360" y="278756"/>
                    <a:pt x="367698" y="270079"/>
                    <a:pt x="370952" y="262487"/>
                  </a:cubicBezTo>
                  <a:cubicBezTo>
                    <a:pt x="341667" y="304788"/>
                    <a:pt x="258148" y="331905"/>
                    <a:pt x="171376" y="331905"/>
                  </a:cubicBezTo>
                  <a:cubicBezTo>
                    <a:pt x="110635" y="331905"/>
                    <a:pt x="44471" y="312381"/>
                    <a:pt x="18439" y="274418"/>
                  </a:cubicBezTo>
                  <a:cubicBezTo>
                    <a:pt x="42302" y="326481"/>
                    <a:pt x="114973" y="353598"/>
                    <a:pt x="205000" y="353598"/>
                  </a:cubicBezTo>
                  <a:moveTo>
                    <a:pt x="152936" y="268995"/>
                  </a:moveTo>
                  <a:cubicBezTo>
                    <a:pt x="54233" y="268995"/>
                    <a:pt x="7593" y="223439"/>
                    <a:pt x="0" y="191984"/>
                  </a:cubicBezTo>
                  <a:cubicBezTo>
                    <a:pt x="0" y="202831"/>
                    <a:pt x="1085" y="215846"/>
                    <a:pt x="3254" y="225608"/>
                  </a:cubicBezTo>
                  <a:cubicBezTo>
                    <a:pt x="4339" y="229947"/>
                    <a:pt x="7593" y="236455"/>
                    <a:pt x="13016" y="242963"/>
                  </a:cubicBezTo>
                  <a:cubicBezTo>
                    <a:pt x="36878" y="267910"/>
                    <a:pt x="96534" y="302619"/>
                    <a:pt x="199577" y="302619"/>
                  </a:cubicBezTo>
                  <a:cubicBezTo>
                    <a:pt x="339497" y="302619"/>
                    <a:pt x="372037" y="255979"/>
                    <a:pt x="378545" y="240794"/>
                  </a:cubicBezTo>
                  <a:cubicBezTo>
                    <a:pt x="382883" y="229947"/>
                    <a:pt x="386137" y="210423"/>
                    <a:pt x="386137" y="193069"/>
                  </a:cubicBezTo>
                  <a:lnTo>
                    <a:pt x="386137" y="182222"/>
                  </a:lnTo>
                  <a:cubicBezTo>
                    <a:pt x="376375" y="219100"/>
                    <a:pt x="257063" y="268995"/>
                    <a:pt x="152936" y="268995"/>
                  </a:cubicBezTo>
                  <a:moveTo>
                    <a:pt x="17354" y="109550"/>
                  </a:moveTo>
                  <a:cubicBezTo>
                    <a:pt x="11931" y="120397"/>
                    <a:pt x="5423" y="139921"/>
                    <a:pt x="3254" y="149682"/>
                  </a:cubicBezTo>
                  <a:cubicBezTo>
                    <a:pt x="2169" y="154021"/>
                    <a:pt x="3254" y="156190"/>
                    <a:pt x="4339" y="159444"/>
                  </a:cubicBezTo>
                  <a:cubicBezTo>
                    <a:pt x="16270" y="184391"/>
                    <a:pt x="75926" y="224524"/>
                    <a:pt x="214762" y="224524"/>
                  </a:cubicBezTo>
                  <a:cubicBezTo>
                    <a:pt x="299365" y="224524"/>
                    <a:pt x="365529" y="203915"/>
                    <a:pt x="376375" y="165952"/>
                  </a:cubicBezTo>
                  <a:cubicBezTo>
                    <a:pt x="378545" y="159444"/>
                    <a:pt x="378545" y="151852"/>
                    <a:pt x="376375" y="142090"/>
                  </a:cubicBezTo>
                  <a:cubicBezTo>
                    <a:pt x="373122" y="131243"/>
                    <a:pt x="368783" y="118227"/>
                    <a:pt x="363360" y="108466"/>
                  </a:cubicBezTo>
                  <a:cubicBezTo>
                    <a:pt x="364444" y="158360"/>
                    <a:pt x="225608" y="190899"/>
                    <a:pt x="155106" y="190899"/>
                  </a:cubicBezTo>
                  <a:cubicBezTo>
                    <a:pt x="79180" y="190899"/>
                    <a:pt x="15185" y="160529"/>
                    <a:pt x="15185" y="122566"/>
                  </a:cubicBezTo>
                  <a:cubicBezTo>
                    <a:pt x="16270" y="117143"/>
                    <a:pt x="17354" y="112804"/>
                    <a:pt x="17354" y="109550"/>
                  </a:cubicBezTo>
                  <a:moveTo>
                    <a:pt x="318889" y="47725"/>
                  </a:moveTo>
                  <a:cubicBezTo>
                    <a:pt x="319973" y="48810"/>
                    <a:pt x="319973" y="49894"/>
                    <a:pt x="319973" y="52063"/>
                  </a:cubicBezTo>
                  <a:cubicBezTo>
                    <a:pt x="319973" y="73757"/>
                    <a:pt x="254894" y="110635"/>
                    <a:pt x="150767" y="110635"/>
                  </a:cubicBezTo>
                  <a:cubicBezTo>
                    <a:pt x="73757" y="110635"/>
                    <a:pt x="59656" y="82434"/>
                    <a:pt x="59656" y="63995"/>
                  </a:cubicBezTo>
                  <a:cubicBezTo>
                    <a:pt x="59656" y="57487"/>
                    <a:pt x="61825" y="50979"/>
                    <a:pt x="67249" y="44471"/>
                  </a:cubicBezTo>
                  <a:cubicBezTo>
                    <a:pt x="57487" y="54233"/>
                    <a:pt x="48810" y="62910"/>
                    <a:pt x="40132" y="73757"/>
                  </a:cubicBezTo>
                  <a:cubicBezTo>
                    <a:pt x="36878" y="78095"/>
                    <a:pt x="34709" y="82434"/>
                    <a:pt x="34709" y="84603"/>
                  </a:cubicBezTo>
                  <a:cubicBezTo>
                    <a:pt x="34709" y="122566"/>
                    <a:pt x="129074" y="148598"/>
                    <a:pt x="215846" y="148598"/>
                  </a:cubicBezTo>
                  <a:cubicBezTo>
                    <a:pt x="309127" y="148598"/>
                    <a:pt x="351428" y="118227"/>
                    <a:pt x="351428" y="91111"/>
                  </a:cubicBezTo>
                  <a:cubicBezTo>
                    <a:pt x="351428" y="81349"/>
                    <a:pt x="348174" y="75926"/>
                    <a:pt x="338413" y="65079"/>
                  </a:cubicBezTo>
                  <a:cubicBezTo>
                    <a:pt x="331905" y="58571"/>
                    <a:pt x="325397" y="53148"/>
                    <a:pt x="318889" y="47725"/>
                  </a:cubicBezTo>
                  <a:moveTo>
                    <a:pt x="290688" y="27116"/>
                  </a:moveTo>
                  <a:cubicBezTo>
                    <a:pt x="261402" y="9762"/>
                    <a:pt x="228862" y="0"/>
                    <a:pt x="191984" y="0"/>
                  </a:cubicBezTo>
                  <a:cubicBezTo>
                    <a:pt x="155106" y="0"/>
                    <a:pt x="121481" y="9762"/>
                    <a:pt x="92196" y="28201"/>
                  </a:cubicBezTo>
                  <a:cubicBezTo>
                    <a:pt x="83518" y="32540"/>
                    <a:pt x="78095" y="36878"/>
                    <a:pt x="78095" y="42302"/>
                  </a:cubicBezTo>
                  <a:cubicBezTo>
                    <a:pt x="78095" y="58571"/>
                    <a:pt x="116058" y="75926"/>
                    <a:pt x="183307" y="75926"/>
                  </a:cubicBezTo>
                  <a:cubicBezTo>
                    <a:pt x="249471" y="75926"/>
                    <a:pt x="301534" y="56402"/>
                    <a:pt x="301534" y="37963"/>
                  </a:cubicBezTo>
                  <a:cubicBezTo>
                    <a:pt x="302619" y="34709"/>
                    <a:pt x="298280" y="31455"/>
                    <a:pt x="290688" y="27116"/>
                  </a:cubicBezTo>
                </a:path>
              </a:pathLst>
            </a:custGeom>
            <a:solidFill>
              <a:srgbClr val="009FDB"/>
            </a:solidFill>
            <a:ln w="1058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pic>
          <p:nvPicPr>
            <p:cNvPr id="146" name="Picture 145">
              <a:extLst>
                <a:ext uri="{FF2B5EF4-FFF2-40B4-BE49-F238E27FC236}">
                  <a16:creationId xmlns:a16="http://schemas.microsoft.com/office/drawing/2014/main" id="{E53760A7-543E-8812-B9DF-F87B2D107F94}"/>
                </a:ext>
              </a:extLst>
            </p:cNvPr>
            <p:cNvPicPr>
              <a:picLocks noChangeAspect="1"/>
            </p:cNvPicPr>
            <p:nvPr/>
          </p:nvPicPr>
          <p:blipFill>
            <a:blip r:embed="rId24" cstate="screen">
              <a:extLst>
                <a:ext uri="{28A0092B-C50C-407E-A947-70E740481C1C}">
                  <a14:useLocalDpi xmlns:a14="http://schemas.microsoft.com/office/drawing/2010/main"/>
                </a:ext>
              </a:extLst>
            </a:blip>
            <a:stretch>
              <a:fillRect/>
            </a:stretch>
          </p:blipFill>
          <p:spPr>
            <a:xfrm>
              <a:off x="3391675" y="3676980"/>
              <a:ext cx="742380" cy="296952"/>
            </a:xfrm>
            <a:prstGeom prst="rect">
              <a:avLst/>
            </a:prstGeom>
          </p:spPr>
        </p:pic>
        <p:grpSp>
          <p:nvGrpSpPr>
            <p:cNvPr id="147" name="Graphic 7">
              <a:extLst>
                <a:ext uri="{FF2B5EF4-FFF2-40B4-BE49-F238E27FC236}">
                  <a16:creationId xmlns:a16="http://schemas.microsoft.com/office/drawing/2014/main" id="{BC606833-568D-67AE-F53A-485B36176928}"/>
                </a:ext>
              </a:extLst>
            </p:cNvPr>
            <p:cNvGrpSpPr/>
            <p:nvPr/>
          </p:nvGrpSpPr>
          <p:grpSpPr>
            <a:xfrm>
              <a:off x="2510547" y="3616632"/>
              <a:ext cx="519708" cy="390715"/>
              <a:chOff x="2337827" y="3535338"/>
              <a:chExt cx="519708" cy="390715"/>
            </a:xfrm>
          </p:grpSpPr>
          <p:sp>
            <p:nvSpPr>
              <p:cNvPr id="178" name="Freeform: Shape 177">
                <a:extLst>
                  <a:ext uri="{FF2B5EF4-FFF2-40B4-BE49-F238E27FC236}">
                    <a16:creationId xmlns:a16="http://schemas.microsoft.com/office/drawing/2014/main" id="{5E1B3C5F-164C-512B-A56D-5162F20D0F51}"/>
                  </a:ext>
                </a:extLst>
              </p:cNvPr>
              <p:cNvSpPr/>
              <p:nvPr/>
            </p:nvSpPr>
            <p:spPr>
              <a:xfrm>
                <a:off x="2668497" y="3535338"/>
                <a:ext cx="189038" cy="167775"/>
              </a:xfrm>
              <a:custGeom>
                <a:avLst/>
                <a:gdLst>
                  <a:gd name="connsiteX0" fmla="*/ 164484 w 189038"/>
                  <a:gd name="connsiteY0" fmla="*/ 119842 h 167775"/>
                  <a:gd name="connsiteX1" fmla="*/ 164484 w 189038"/>
                  <a:gd name="connsiteY1" fmla="*/ 47904 h 167775"/>
                  <a:gd name="connsiteX2" fmla="*/ 115518 w 189038"/>
                  <a:gd name="connsiteY2" fmla="*/ 47904 h 167775"/>
                  <a:gd name="connsiteX3" fmla="*/ 115518 w 189038"/>
                  <a:gd name="connsiteY3" fmla="*/ 18725 h 167775"/>
                  <a:gd name="connsiteX4" fmla="*/ 96530 w 189038"/>
                  <a:gd name="connsiteY4" fmla="*/ 18725 h 167775"/>
                  <a:gd name="connsiteX5" fmla="*/ 96530 w 189038"/>
                  <a:gd name="connsiteY5" fmla="*/ 0 h 167775"/>
                  <a:gd name="connsiteX6" fmla="*/ 0 w 189038"/>
                  <a:gd name="connsiteY6" fmla="*/ 0 h 167775"/>
                  <a:gd name="connsiteX7" fmla="*/ 0 w 189038"/>
                  <a:gd name="connsiteY7" fmla="*/ 18725 h 167775"/>
                  <a:gd name="connsiteX8" fmla="*/ 0 w 189038"/>
                  <a:gd name="connsiteY8" fmla="*/ 47904 h 167775"/>
                  <a:gd name="connsiteX9" fmla="*/ 0 w 189038"/>
                  <a:gd name="connsiteY9" fmla="*/ 95822 h 167775"/>
                  <a:gd name="connsiteX10" fmla="*/ 0 w 189038"/>
                  <a:gd name="connsiteY10" fmla="*/ 119842 h 167775"/>
                  <a:gd name="connsiteX11" fmla="*/ 0 w 189038"/>
                  <a:gd name="connsiteY11" fmla="*/ 167776 h 167775"/>
                  <a:gd name="connsiteX12" fmla="*/ 60369 w 189038"/>
                  <a:gd name="connsiteY12" fmla="*/ 167776 h 167775"/>
                  <a:gd name="connsiteX13" fmla="*/ 96530 w 189038"/>
                  <a:gd name="connsiteY13" fmla="*/ 167776 h 167775"/>
                  <a:gd name="connsiteX14" fmla="*/ 115518 w 189038"/>
                  <a:gd name="connsiteY14" fmla="*/ 167776 h 167775"/>
                  <a:gd name="connsiteX15" fmla="*/ 164484 w 189038"/>
                  <a:gd name="connsiteY15" fmla="*/ 167776 h 167775"/>
                  <a:gd name="connsiteX16" fmla="*/ 189038 w 189038"/>
                  <a:gd name="connsiteY16" fmla="*/ 167776 h 167775"/>
                  <a:gd name="connsiteX17" fmla="*/ 189038 w 189038"/>
                  <a:gd name="connsiteY17" fmla="*/ 119842 h 16777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Lst>
                <a:rect l="l" t="t" r="r" b="b"/>
                <a:pathLst>
                  <a:path w="189038" h="167775">
                    <a:moveTo>
                      <a:pt x="164484" y="119842"/>
                    </a:moveTo>
                    <a:lnTo>
                      <a:pt x="164484" y="47904"/>
                    </a:lnTo>
                    <a:lnTo>
                      <a:pt x="115518" y="47904"/>
                    </a:lnTo>
                    <a:lnTo>
                      <a:pt x="115518" y="18725"/>
                    </a:lnTo>
                    <a:lnTo>
                      <a:pt x="96530" y="18725"/>
                    </a:lnTo>
                    <a:lnTo>
                      <a:pt x="96530" y="0"/>
                    </a:lnTo>
                    <a:lnTo>
                      <a:pt x="0" y="0"/>
                    </a:lnTo>
                    <a:lnTo>
                      <a:pt x="0" y="18725"/>
                    </a:lnTo>
                    <a:lnTo>
                      <a:pt x="0" y="47904"/>
                    </a:lnTo>
                    <a:lnTo>
                      <a:pt x="0" y="95822"/>
                    </a:lnTo>
                    <a:lnTo>
                      <a:pt x="0" y="119842"/>
                    </a:lnTo>
                    <a:lnTo>
                      <a:pt x="0" y="167776"/>
                    </a:lnTo>
                    <a:lnTo>
                      <a:pt x="60369" y="167776"/>
                    </a:lnTo>
                    <a:lnTo>
                      <a:pt x="96530" y="167776"/>
                    </a:lnTo>
                    <a:lnTo>
                      <a:pt x="115518" y="167776"/>
                    </a:lnTo>
                    <a:lnTo>
                      <a:pt x="164484" y="167776"/>
                    </a:lnTo>
                    <a:lnTo>
                      <a:pt x="189038" y="167776"/>
                    </a:lnTo>
                    <a:lnTo>
                      <a:pt x="189038" y="119842"/>
                    </a:lnTo>
                    <a:close/>
                  </a:path>
                </a:pathLst>
              </a:custGeom>
              <a:solidFill>
                <a:srgbClr val="E3731C"/>
              </a:solidFill>
              <a:ln w="748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grpSp>
            <p:nvGrpSpPr>
              <p:cNvPr id="179" name="Graphic 7">
                <a:extLst>
                  <a:ext uri="{FF2B5EF4-FFF2-40B4-BE49-F238E27FC236}">
                    <a16:creationId xmlns:a16="http://schemas.microsoft.com/office/drawing/2014/main" id="{581F496B-D1EE-87F4-FADF-632B83339209}"/>
                  </a:ext>
                </a:extLst>
              </p:cNvPr>
              <p:cNvGrpSpPr/>
              <p:nvPr/>
            </p:nvGrpSpPr>
            <p:grpSpPr>
              <a:xfrm>
                <a:off x="2337827" y="3535338"/>
                <a:ext cx="519708" cy="390715"/>
                <a:chOff x="2337827" y="3535338"/>
                <a:chExt cx="519708" cy="390715"/>
              </a:xfrm>
            </p:grpSpPr>
            <p:grpSp>
              <p:nvGrpSpPr>
                <p:cNvPr id="180" name="Graphic 7">
                  <a:extLst>
                    <a:ext uri="{FF2B5EF4-FFF2-40B4-BE49-F238E27FC236}">
                      <a16:creationId xmlns:a16="http://schemas.microsoft.com/office/drawing/2014/main" id="{4D538F09-B6DD-C184-041C-259317D53A44}"/>
                    </a:ext>
                  </a:extLst>
                </p:cNvPr>
                <p:cNvGrpSpPr/>
                <p:nvPr/>
              </p:nvGrpSpPr>
              <p:grpSpPr>
                <a:xfrm>
                  <a:off x="2337827" y="3782757"/>
                  <a:ext cx="386512" cy="143296"/>
                  <a:chOff x="2337827" y="3782757"/>
                  <a:chExt cx="386512" cy="143296"/>
                </a:xfrm>
                <a:solidFill>
                  <a:srgbClr val="000000"/>
                </a:solidFill>
              </p:grpSpPr>
              <p:sp>
                <p:nvSpPr>
                  <p:cNvPr id="195" name="Freeform: Shape 194">
                    <a:extLst>
                      <a:ext uri="{FF2B5EF4-FFF2-40B4-BE49-F238E27FC236}">
                        <a16:creationId xmlns:a16="http://schemas.microsoft.com/office/drawing/2014/main" id="{16297072-003E-399A-5D4E-A4435378F71C}"/>
                      </a:ext>
                    </a:extLst>
                  </p:cNvPr>
                  <p:cNvSpPr/>
                  <p:nvPr/>
                </p:nvSpPr>
                <p:spPr>
                  <a:xfrm>
                    <a:off x="2628374" y="3782757"/>
                    <a:ext cx="95965" cy="101644"/>
                  </a:xfrm>
                  <a:custGeom>
                    <a:avLst/>
                    <a:gdLst>
                      <a:gd name="connsiteX0" fmla="*/ 61356 w 95965"/>
                      <a:gd name="connsiteY0" fmla="*/ 10643 h 101644"/>
                      <a:gd name="connsiteX1" fmla="*/ 36078 w 95965"/>
                      <a:gd name="connsiteY1" fmla="*/ 47090 h 101644"/>
                      <a:gd name="connsiteX2" fmla="*/ 64933 w 95965"/>
                      <a:gd name="connsiteY2" fmla="*/ 83251 h 101644"/>
                      <a:gd name="connsiteX3" fmla="*/ 95965 w 95965"/>
                      <a:gd name="connsiteY3" fmla="*/ 73038 h 101644"/>
                      <a:gd name="connsiteX4" fmla="*/ 95965 w 95965"/>
                      <a:gd name="connsiteY4" fmla="*/ 90565 h 101644"/>
                      <a:gd name="connsiteX5" fmla="*/ 51368 w 95965"/>
                      <a:gd name="connsiteY5" fmla="*/ 101645 h 101644"/>
                      <a:gd name="connsiteX6" fmla="*/ 14356 w 95965"/>
                      <a:gd name="connsiteY6" fmla="*/ 87944 h 101644"/>
                      <a:gd name="connsiteX7" fmla="*/ 0 w 95965"/>
                      <a:gd name="connsiteY7" fmla="*/ 52001 h 101644"/>
                      <a:gd name="connsiteX8" fmla="*/ 57040 w 95965"/>
                      <a:gd name="connsiteY8" fmla="*/ 0 h 101644"/>
                      <a:gd name="connsiteX9" fmla="*/ 94994 w 95965"/>
                      <a:gd name="connsiteY9" fmla="*/ 25119 h 101644"/>
                      <a:gd name="connsiteX10" fmla="*/ 77113 w 95965"/>
                      <a:gd name="connsiteY10" fmla="*/ 41366 h 101644"/>
                      <a:gd name="connsiteX11" fmla="*/ 61363 w 95965"/>
                      <a:gd name="connsiteY11" fmla="*/ 36628 h 101644"/>
                      <a:gd name="connsiteX12" fmla="*/ 61363 w 95965"/>
                      <a:gd name="connsiteY12" fmla="*/ 10643 h 10164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95965" h="101644">
                        <a:moveTo>
                          <a:pt x="61356" y="10643"/>
                        </a:moveTo>
                        <a:cubicBezTo>
                          <a:pt x="44627" y="13317"/>
                          <a:pt x="36078" y="25556"/>
                          <a:pt x="36078" y="47090"/>
                        </a:cubicBezTo>
                        <a:cubicBezTo>
                          <a:pt x="36078" y="68760"/>
                          <a:pt x="47467" y="83251"/>
                          <a:pt x="64933" y="83251"/>
                        </a:cubicBezTo>
                        <a:cubicBezTo>
                          <a:pt x="73061" y="83251"/>
                          <a:pt x="80442" y="80578"/>
                          <a:pt x="95965" y="73038"/>
                        </a:cubicBezTo>
                        <a:lnTo>
                          <a:pt x="95965" y="90565"/>
                        </a:lnTo>
                        <a:cubicBezTo>
                          <a:pt x="77339" y="99031"/>
                          <a:pt x="66372" y="101645"/>
                          <a:pt x="51368" y="101645"/>
                        </a:cubicBezTo>
                        <a:cubicBezTo>
                          <a:pt x="35122" y="101645"/>
                          <a:pt x="23688" y="97374"/>
                          <a:pt x="14356" y="87944"/>
                        </a:cubicBezTo>
                        <a:cubicBezTo>
                          <a:pt x="4790" y="78461"/>
                          <a:pt x="0" y="65943"/>
                          <a:pt x="0" y="52001"/>
                        </a:cubicBezTo>
                        <a:cubicBezTo>
                          <a:pt x="0" y="20984"/>
                          <a:pt x="23176" y="0"/>
                          <a:pt x="57040" y="0"/>
                        </a:cubicBezTo>
                        <a:cubicBezTo>
                          <a:pt x="79531" y="0"/>
                          <a:pt x="94994" y="10176"/>
                          <a:pt x="94994" y="25119"/>
                        </a:cubicBezTo>
                        <a:cubicBezTo>
                          <a:pt x="94994" y="34745"/>
                          <a:pt x="87793" y="41366"/>
                          <a:pt x="77113" y="41366"/>
                        </a:cubicBezTo>
                        <a:cubicBezTo>
                          <a:pt x="71629" y="41366"/>
                          <a:pt x="67125" y="39942"/>
                          <a:pt x="61363" y="36628"/>
                        </a:cubicBezTo>
                        <a:lnTo>
                          <a:pt x="61363" y="10643"/>
                        </a:lnTo>
                        <a:close/>
                      </a:path>
                    </a:pathLst>
                  </a:custGeom>
                  <a:solidFill>
                    <a:srgbClr val="000000"/>
                  </a:solidFill>
                  <a:ln w="748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196" name="Freeform: Shape 195">
                    <a:extLst>
                      <a:ext uri="{FF2B5EF4-FFF2-40B4-BE49-F238E27FC236}">
                        <a16:creationId xmlns:a16="http://schemas.microsoft.com/office/drawing/2014/main" id="{CE686518-32A9-FA77-55B2-E3A499088EB1}"/>
                      </a:ext>
                    </a:extLst>
                  </p:cNvPr>
                  <p:cNvSpPr/>
                  <p:nvPr/>
                </p:nvSpPr>
                <p:spPr>
                  <a:xfrm>
                    <a:off x="2460779" y="3782765"/>
                    <a:ext cx="166706" cy="99987"/>
                  </a:xfrm>
                  <a:custGeom>
                    <a:avLst/>
                    <a:gdLst>
                      <a:gd name="connsiteX0" fmla="*/ 146415 w 166706"/>
                      <a:gd name="connsiteY0" fmla="*/ 52001 h 99987"/>
                      <a:gd name="connsiteX1" fmla="*/ 166706 w 166706"/>
                      <a:gd name="connsiteY1" fmla="*/ 16525 h 99987"/>
                      <a:gd name="connsiteX2" fmla="*/ 149571 w 166706"/>
                      <a:gd name="connsiteY2" fmla="*/ 0 h 99987"/>
                      <a:gd name="connsiteX3" fmla="*/ 135448 w 166706"/>
                      <a:gd name="connsiteY3" fmla="*/ 5762 h 99987"/>
                      <a:gd name="connsiteX4" fmla="*/ 135448 w 166706"/>
                      <a:gd name="connsiteY4" fmla="*/ 43904 h 99987"/>
                      <a:gd name="connsiteX5" fmla="*/ 110879 w 166706"/>
                      <a:gd name="connsiteY5" fmla="*/ 76337 h 99987"/>
                      <a:gd name="connsiteX6" fmla="*/ 110879 w 166706"/>
                      <a:gd name="connsiteY6" fmla="*/ 2403 h 99987"/>
                      <a:gd name="connsiteX7" fmla="*/ 87514 w 166706"/>
                      <a:gd name="connsiteY7" fmla="*/ 2403 h 99987"/>
                      <a:gd name="connsiteX8" fmla="*/ 48679 w 166706"/>
                      <a:gd name="connsiteY8" fmla="*/ 66176 h 99987"/>
                      <a:gd name="connsiteX9" fmla="*/ 48679 w 166706"/>
                      <a:gd name="connsiteY9" fmla="*/ 2403 h 99987"/>
                      <a:gd name="connsiteX10" fmla="*/ 35257 w 166706"/>
                      <a:gd name="connsiteY10" fmla="*/ 2403 h 99987"/>
                      <a:gd name="connsiteX11" fmla="*/ 0 w 166706"/>
                      <a:gd name="connsiteY11" fmla="*/ 10914 h 99987"/>
                      <a:gd name="connsiteX12" fmla="*/ 0 w 166706"/>
                      <a:gd name="connsiteY12" fmla="*/ 19839 h 99987"/>
                      <a:gd name="connsiteX13" fmla="*/ 19229 w 166706"/>
                      <a:gd name="connsiteY13" fmla="*/ 21775 h 99987"/>
                      <a:gd name="connsiteX14" fmla="*/ 19229 w 166706"/>
                      <a:gd name="connsiteY14" fmla="*/ 99988 h 99987"/>
                      <a:gd name="connsiteX15" fmla="*/ 44085 w 166706"/>
                      <a:gd name="connsiteY15" fmla="*/ 99988 h 99987"/>
                      <a:gd name="connsiteX16" fmla="*/ 81331 w 166706"/>
                      <a:gd name="connsiteY16" fmla="*/ 39355 h 99987"/>
                      <a:gd name="connsiteX17" fmla="*/ 81331 w 166706"/>
                      <a:gd name="connsiteY17" fmla="*/ 99988 h 99987"/>
                      <a:gd name="connsiteX18" fmla="*/ 108551 w 166706"/>
                      <a:gd name="connsiteY18" fmla="*/ 99988 h 99987"/>
                      <a:gd name="connsiteX19" fmla="*/ 146415 w 166706"/>
                      <a:gd name="connsiteY19" fmla="*/ 52001 h 9998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Lst>
                    <a:rect l="l" t="t" r="r" b="b"/>
                    <a:pathLst>
                      <a:path w="166706" h="99987">
                        <a:moveTo>
                          <a:pt x="146415" y="52001"/>
                        </a:moveTo>
                        <a:cubicBezTo>
                          <a:pt x="161411" y="33276"/>
                          <a:pt x="166706" y="25722"/>
                          <a:pt x="166706" y="16525"/>
                        </a:cubicBezTo>
                        <a:cubicBezTo>
                          <a:pt x="166706" y="7374"/>
                          <a:pt x="159370" y="0"/>
                          <a:pt x="149571" y="0"/>
                        </a:cubicBezTo>
                        <a:cubicBezTo>
                          <a:pt x="143530" y="0"/>
                          <a:pt x="138099" y="2825"/>
                          <a:pt x="135448" y="5762"/>
                        </a:cubicBezTo>
                        <a:lnTo>
                          <a:pt x="135448" y="43904"/>
                        </a:lnTo>
                        <a:lnTo>
                          <a:pt x="110879" y="76337"/>
                        </a:lnTo>
                        <a:lnTo>
                          <a:pt x="110879" y="2403"/>
                        </a:lnTo>
                        <a:lnTo>
                          <a:pt x="87514" y="2403"/>
                        </a:lnTo>
                        <a:lnTo>
                          <a:pt x="48679" y="66176"/>
                        </a:lnTo>
                        <a:lnTo>
                          <a:pt x="48679" y="2403"/>
                        </a:lnTo>
                        <a:lnTo>
                          <a:pt x="35257" y="2403"/>
                        </a:lnTo>
                        <a:lnTo>
                          <a:pt x="0" y="10914"/>
                        </a:lnTo>
                        <a:lnTo>
                          <a:pt x="0" y="19839"/>
                        </a:lnTo>
                        <a:lnTo>
                          <a:pt x="19229" y="21775"/>
                        </a:lnTo>
                        <a:lnTo>
                          <a:pt x="19229" y="99988"/>
                        </a:lnTo>
                        <a:lnTo>
                          <a:pt x="44085" y="99988"/>
                        </a:lnTo>
                        <a:lnTo>
                          <a:pt x="81331" y="39355"/>
                        </a:lnTo>
                        <a:lnTo>
                          <a:pt x="81331" y="99988"/>
                        </a:lnTo>
                        <a:lnTo>
                          <a:pt x="108551" y="99988"/>
                        </a:lnTo>
                        <a:lnTo>
                          <a:pt x="146415" y="52001"/>
                        </a:lnTo>
                        <a:close/>
                      </a:path>
                    </a:pathLst>
                  </a:custGeom>
                  <a:solidFill>
                    <a:srgbClr val="000000"/>
                  </a:solidFill>
                  <a:ln w="748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197" name="Freeform: Shape 196">
                    <a:extLst>
                      <a:ext uri="{FF2B5EF4-FFF2-40B4-BE49-F238E27FC236}">
                        <a16:creationId xmlns:a16="http://schemas.microsoft.com/office/drawing/2014/main" id="{6040DB55-9824-AC3E-189D-F03BE823A8C2}"/>
                      </a:ext>
                    </a:extLst>
                  </p:cNvPr>
                  <p:cNvSpPr/>
                  <p:nvPr/>
                </p:nvSpPr>
                <p:spPr>
                  <a:xfrm>
                    <a:off x="2337827" y="3783013"/>
                    <a:ext cx="119653" cy="143040"/>
                  </a:xfrm>
                  <a:custGeom>
                    <a:avLst/>
                    <a:gdLst>
                      <a:gd name="connsiteX0" fmla="*/ 48717 w 119653"/>
                      <a:gd name="connsiteY0" fmla="*/ 87695 h 143040"/>
                      <a:gd name="connsiteX1" fmla="*/ 54193 w 119653"/>
                      <a:gd name="connsiteY1" fmla="*/ 87816 h 143040"/>
                      <a:gd name="connsiteX2" fmla="*/ 84946 w 119653"/>
                      <a:gd name="connsiteY2" fmla="*/ 51753 h 143040"/>
                      <a:gd name="connsiteX3" fmla="*/ 59955 w 119653"/>
                      <a:gd name="connsiteY3" fmla="*/ 21014 h 143040"/>
                      <a:gd name="connsiteX4" fmla="*/ 48710 w 119653"/>
                      <a:gd name="connsiteY4" fmla="*/ 22024 h 143040"/>
                      <a:gd name="connsiteX5" fmla="*/ 48710 w 119653"/>
                      <a:gd name="connsiteY5" fmla="*/ 87695 h 143040"/>
                      <a:gd name="connsiteX6" fmla="*/ 48717 w 119653"/>
                      <a:gd name="connsiteY6" fmla="*/ 130432 h 143040"/>
                      <a:gd name="connsiteX7" fmla="*/ 64836 w 119653"/>
                      <a:gd name="connsiteY7" fmla="*/ 133980 h 143040"/>
                      <a:gd name="connsiteX8" fmla="*/ 64836 w 119653"/>
                      <a:gd name="connsiteY8" fmla="*/ 143041 h 143040"/>
                      <a:gd name="connsiteX9" fmla="*/ 1604 w 119653"/>
                      <a:gd name="connsiteY9" fmla="*/ 143041 h 143040"/>
                      <a:gd name="connsiteX10" fmla="*/ 1604 w 119653"/>
                      <a:gd name="connsiteY10" fmla="*/ 133980 h 143040"/>
                      <a:gd name="connsiteX11" fmla="*/ 16013 w 119653"/>
                      <a:gd name="connsiteY11" fmla="*/ 130432 h 143040"/>
                      <a:gd name="connsiteX12" fmla="*/ 16013 w 119653"/>
                      <a:gd name="connsiteY12" fmla="*/ 21022 h 143040"/>
                      <a:gd name="connsiteX13" fmla="*/ 0 w 119653"/>
                      <a:gd name="connsiteY13" fmla="*/ 21022 h 143040"/>
                      <a:gd name="connsiteX14" fmla="*/ 0 w 119653"/>
                      <a:gd name="connsiteY14" fmla="*/ 11637 h 143040"/>
                      <a:gd name="connsiteX15" fmla="*/ 38684 w 119653"/>
                      <a:gd name="connsiteY15" fmla="*/ 0 h 143040"/>
                      <a:gd name="connsiteX16" fmla="*/ 48725 w 119653"/>
                      <a:gd name="connsiteY16" fmla="*/ 0 h 143040"/>
                      <a:gd name="connsiteX17" fmla="*/ 48725 w 119653"/>
                      <a:gd name="connsiteY17" fmla="*/ 13068 h 143040"/>
                      <a:gd name="connsiteX18" fmla="*/ 82355 w 119653"/>
                      <a:gd name="connsiteY18" fmla="*/ 505 h 143040"/>
                      <a:gd name="connsiteX19" fmla="*/ 119654 w 119653"/>
                      <a:gd name="connsiteY19" fmla="*/ 47256 h 143040"/>
                      <a:gd name="connsiteX20" fmla="*/ 65220 w 119653"/>
                      <a:gd name="connsiteY20" fmla="*/ 99747 h 143040"/>
                      <a:gd name="connsiteX21" fmla="*/ 48725 w 119653"/>
                      <a:gd name="connsiteY21" fmla="*/ 98782 h 143040"/>
                      <a:gd name="connsiteX22" fmla="*/ 48725 w 119653"/>
                      <a:gd name="connsiteY22" fmla="*/ 130432 h 14304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l="l" t="t" r="r" b="b"/>
                    <a:pathLst>
                      <a:path w="119653" h="143040">
                        <a:moveTo>
                          <a:pt x="48717" y="87695"/>
                        </a:moveTo>
                        <a:cubicBezTo>
                          <a:pt x="51361" y="87816"/>
                          <a:pt x="52521" y="87816"/>
                          <a:pt x="54193" y="87816"/>
                        </a:cubicBezTo>
                        <a:cubicBezTo>
                          <a:pt x="74213" y="87816"/>
                          <a:pt x="84946" y="75448"/>
                          <a:pt x="84946" y="51753"/>
                        </a:cubicBezTo>
                        <a:cubicBezTo>
                          <a:pt x="84946" y="31687"/>
                          <a:pt x="76164" y="21014"/>
                          <a:pt x="59955" y="21014"/>
                        </a:cubicBezTo>
                        <a:cubicBezTo>
                          <a:pt x="57258" y="21014"/>
                          <a:pt x="54426" y="21338"/>
                          <a:pt x="48710" y="22024"/>
                        </a:cubicBezTo>
                        <a:lnTo>
                          <a:pt x="48710" y="87695"/>
                        </a:lnTo>
                        <a:close/>
                        <a:moveTo>
                          <a:pt x="48717" y="130432"/>
                        </a:moveTo>
                        <a:lnTo>
                          <a:pt x="64836" y="133980"/>
                        </a:lnTo>
                        <a:lnTo>
                          <a:pt x="64836" y="143041"/>
                        </a:lnTo>
                        <a:lnTo>
                          <a:pt x="1604" y="143041"/>
                        </a:lnTo>
                        <a:lnTo>
                          <a:pt x="1604" y="133980"/>
                        </a:lnTo>
                        <a:lnTo>
                          <a:pt x="16013" y="130432"/>
                        </a:lnTo>
                        <a:lnTo>
                          <a:pt x="16013" y="21022"/>
                        </a:lnTo>
                        <a:lnTo>
                          <a:pt x="0" y="21022"/>
                        </a:lnTo>
                        <a:lnTo>
                          <a:pt x="0" y="11637"/>
                        </a:lnTo>
                        <a:lnTo>
                          <a:pt x="38684" y="0"/>
                        </a:lnTo>
                        <a:lnTo>
                          <a:pt x="48725" y="0"/>
                        </a:lnTo>
                        <a:lnTo>
                          <a:pt x="48725" y="13068"/>
                        </a:lnTo>
                        <a:cubicBezTo>
                          <a:pt x="66839" y="2395"/>
                          <a:pt x="73061" y="505"/>
                          <a:pt x="82355" y="505"/>
                        </a:cubicBezTo>
                        <a:cubicBezTo>
                          <a:pt x="103814" y="505"/>
                          <a:pt x="119654" y="20111"/>
                          <a:pt x="119654" y="47256"/>
                        </a:cubicBezTo>
                        <a:cubicBezTo>
                          <a:pt x="119654" y="78634"/>
                          <a:pt x="98519" y="99747"/>
                          <a:pt x="65220" y="99747"/>
                        </a:cubicBezTo>
                        <a:cubicBezTo>
                          <a:pt x="61454" y="99747"/>
                          <a:pt x="55187" y="99521"/>
                          <a:pt x="48725" y="98782"/>
                        </a:cubicBezTo>
                        <a:lnTo>
                          <a:pt x="48725" y="130432"/>
                        </a:lnTo>
                        <a:close/>
                      </a:path>
                    </a:pathLst>
                  </a:custGeom>
                  <a:solidFill>
                    <a:srgbClr val="000000"/>
                  </a:solidFill>
                  <a:ln w="748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grpSp>
            <p:grpSp>
              <p:nvGrpSpPr>
                <p:cNvPr id="181" name="Graphic 7">
                  <a:extLst>
                    <a:ext uri="{FF2B5EF4-FFF2-40B4-BE49-F238E27FC236}">
                      <a16:creationId xmlns:a16="http://schemas.microsoft.com/office/drawing/2014/main" id="{2EBCC467-2F48-A6FA-D674-681351696B59}"/>
                    </a:ext>
                  </a:extLst>
                </p:cNvPr>
                <p:cNvGrpSpPr/>
                <p:nvPr/>
              </p:nvGrpSpPr>
              <p:grpSpPr>
                <a:xfrm>
                  <a:off x="2571703" y="3535338"/>
                  <a:ext cx="285832" cy="191742"/>
                  <a:chOff x="2571703" y="3535338"/>
                  <a:chExt cx="285832" cy="191742"/>
                </a:xfrm>
              </p:grpSpPr>
              <p:sp>
                <p:nvSpPr>
                  <p:cNvPr id="182" name="Freeform: Shape 181">
                    <a:extLst>
                      <a:ext uri="{FF2B5EF4-FFF2-40B4-BE49-F238E27FC236}">
                        <a16:creationId xmlns:a16="http://schemas.microsoft.com/office/drawing/2014/main" id="{2BA9260A-F7C1-D6A8-EC7D-CDC092D1B593}"/>
                      </a:ext>
                    </a:extLst>
                  </p:cNvPr>
                  <p:cNvSpPr/>
                  <p:nvPr/>
                </p:nvSpPr>
                <p:spPr>
                  <a:xfrm>
                    <a:off x="2832981" y="3655180"/>
                    <a:ext cx="24554" cy="47933"/>
                  </a:xfrm>
                  <a:custGeom>
                    <a:avLst/>
                    <a:gdLst>
                      <a:gd name="connsiteX0" fmla="*/ 0 w 24554"/>
                      <a:gd name="connsiteY0" fmla="*/ 0 h 47933"/>
                      <a:gd name="connsiteX1" fmla="*/ 24554 w 24554"/>
                      <a:gd name="connsiteY1" fmla="*/ 0 h 47933"/>
                      <a:gd name="connsiteX2" fmla="*/ 24554 w 24554"/>
                      <a:gd name="connsiteY2" fmla="*/ 47934 h 47933"/>
                      <a:gd name="connsiteX3" fmla="*/ 0 w 24554"/>
                      <a:gd name="connsiteY3" fmla="*/ 47934 h 47933"/>
                    </a:gdLst>
                    <a:ahLst/>
                    <a:cxnLst>
                      <a:cxn ang="0">
                        <a:pos x="connsiteX0" y="connsiteY0"/>
                      </a:cxn>
                      <a:cxn ang="0">
                        <a:pos x="connsiteX1" y="connsiteY1"/>
                      </a:cxn>
                      <a:cxn ang="0">
                        <a:pos x="connsiteX2" y="connsiteY2"/>
                      </a:cxn>
                      <a:cxn ang="0">
                        <a:pos x="connsiteX3" y="connsiteY3"/>
                      </a:cxn>
                    </a:cxnLst>
                    <a:rect l="l" t="t" r="r" b="b"/>
                    <a:pathLst>
                      <a:path w="24554" h="47933">
                        <a:moveTo>
                          <a:pt x="0" y="0"/>
                        </a:moveTo>
                        <a:lnTo>
                          <a:pt x="24554" y="0"/>
                        </a:lnTo>
                        <a:lnTo>
                          <a:pt x="24554" y="47934"/>
                        </a:lnTo>
                        <a:lnTo>
                          <a:pt x="0" y="47934"/>
                        </a:lnTo>
                        <a:close/>
                      </a:path>
                    </a:pathLst>
                  </a:custGeom>
                  <a:solidFill>
                    <a:srgbClr val="E669A2"/>
                  </a:solidFill>
                  <a:ln w="748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183" name="Freeform: Shape 182">
                    <a:extLst>
                      <a:ext uri="{FF2B5EF4-FFF2-40B4-BE49-F238E27FC236}">
                        <a16:creationId xmlns:a16="http://schemas.microsoft.com/office/drawing/2014/main" id="{719DBC91-BF4B-A164-505D-65FEDE5323C0}"/>
                      </a:ext>
                    </a:extLst>
                  </p:cNvPr>
                  <p:cNvSpPr/>
                  <p:nvPr/>
                </p:nvSpPr>
                <p:spPr>
                  <a:xfrm>
                    <a:off x="2765027" y="3554063"/>
                    <a:ext cx="18988" cy="29186"/>
                  </a:xfrm>
                  <a:custGeom>
                    <a:avLst/>
                    <a:gdLst>
                      <a:gd name="connsiteX0" fmla="*/ 0 w 18988"/>
                      <a:gd name="connsiteY0" fmla="*/ 0 h 29186"/>
                      <a:gd name="connsiteX1" fmla="*/ 18988 w 18988"/>
                      <a:gd name="connsiteY1" fmla="*/ 0 h 29186"/>
                      <a:gd name="connsiteX2" fmla="*/ 18988 w 18988"/>
                      <a:gd name="connsiteY2" fmla="*/ 29187 h 29186"/>
                      <a:gd name="connsiteX3" fmla="*/ 0 w 18988"/>
                      <a:gd name="connsiteY3" fmla="*/ 29187 h 29186"/>
                    </a:gdLst>
                    <a:ahLst/>
                    <a:cxnLst>
                      <a:cxn ang="0">
                        <a:pos x="connsiteX0" y="connsiteY0"/>
                      </a:cxn>
                      <a:cxn ang="0">
                        <a:pos x="connsiteX1" y="connsiteY1"/>
                      </a:cxn>
                      <a:cxn ang="0">
                        <a:pos x="connsiteX2" y="connsiteY2"/>
                      </a:cxn>
                      <a:cxn ang="0">
                        <a:pos x="connsiteX3" y="connsiteY3"/>
                      </a:cxn>
                    </a:cxnLst>
                    <a:rect l="l" t="t" r="r" b="b"/>
                    <a:pathLst>
                      <a:path w="18988" h="29186">
                        <a:moveTo>
                          <a:pt x="0" y="0"/>
                        </a:moveTo>
                        <a:lnTo>
                          <a:pt x="18988" y="0"/>
                        </a:lnTo>
                        <a:lnTo>
                          <a:pt x="18988" y="29187"/>
                        </a:lnTo>
                        <a:lnTo>
                          <a:pt x="0" y="29187"/>
                        </a:lnTo>
                        <a:close/>
                      </a:path>
                    </a:pathLst>
                  </a:custGeom>
                  <a:solidFill>
                    <a:srgbClr val="F3BC87"/>
                  </a:solidFill>
                  <a:ln w="748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184" name="Freeform: Shape 183">
                    <a:extLst>
                      <a:ext uri="{FF2B5EF4-FFF2-40B4-BE49-F238E27FC236}">
                        <a16:creationId xmlns:a16="http://schemas.microsoft.com/office/drawing/2014/main" id="{23BECEBB-2A61-4590-D460-165CD047B14E}"/>
                      </a:ext>
                    </a:extLst>
                  </p:cNvPr>
                  <p:cNvSpPr/>
                  <p:nvPr/>
                </p:nvSpPr>
                <p:spPr>
                  <a:xfrm>
                    <a:off x="2668497" y="3535338"/>
                    <a:ext cx="96530" cy="18724"/>
                  </a:xfrm>
                  <a:custGeom>
                    <a:avLst/>
                    <a:gdLst>
                      <a:gd name="connsiteX0" fmla="*/ 0 w 96530"/>
                      <a:gd name="connsiteY0" fmla="*/ 0 h 18724"/>
                      <a:gd name="connsiteX1" fmla="*/ 96530 w 96530"/>
                      <a:gd name="connsiteY1" fmla="*/ 0 h 18724"/>
                      <a:gd name="connsiteX2" fmla="*/ 96530 w 96530"/>
                      <a:gd name="connsiteY2" fmla="*/ 18725 h 18724"/>
                      <a:gd name="connsiteX3" fmla="*/ 0 w 96530"/>
                      <a:gd name="connsiteY3" fmla="*/ 18725 h 18724"/>
                    </a:gdLst>
                    <a:ahLst/>
                    <a:cxnLst>
                      <a:cxn ang="0">
                        <a:pos x="connsiteX0" y="connsiteY0"/>
                      </a:cxn>
                      <a:cxn ang="0">
                        <a:pos x="connsiteX1" y="connsiteY1"/>
                      </a:cxn>
                      <a:cxn ang="0">
                        <a:pos x="connsiteX2" y="connsiteY2"/>
                      </a:cxn>
                      <a:cxn ang="0">
                        <a:pos x="connsiteX3" y="connsiteY3"/>
                      </a:cxn>
                    </a:cxnLst>
                    <a:rect l="l" t="t" r="r" b="b"/>
                    <a:pathLst>
                      <a:path w="96530" h="18724">
                        <a:moveTo>
                          <a:pt x="0" y="0"/>
                        </a:moveTo>
                        <a:lnTo>
                          <a:pt x="96530" y="0"/>
                        </a:lnTo>
                        <a:lnTo>
                          <a:pt x="96530" y="18725"/>
                        </a:lnTo>
                        <a:lnTo>
                          <a:pt x="0" y="18725"/>
                        </a:lnTo>
                        <a:close/>
                      </a:path>
                    </a:pathLst>
                  </a:custGeom>
                  <a:solidFill>
                    <a:srgbClr val="EE9C34"/>
                  </a:solidFill>
                  <a:ln w="748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185" name="Freeform: Shape 184">
                    <a:extLst>
                      <a:ext uri="{FF2B5EF4-FFF2-40B4-BE49-F238E27FC236}">
                        <a16:creationId xmlns:a16="http://schemas.microsoft.com/office/drawing/2014/main" id="{F15ACAB3-C590-C4F3-E96C-293F2EF8A96F}"/>
                      </a:ext>
                    </a:extLst>
                  </p:cNvPr>
                  <p:cNvSpPr/>
                  <p:nvPr/>
                </p:nvSpPr>
                <p:spPr>
                  <a:xfrm>
                    <a:off x="2668497" y="3554063"/>
                    <a:ext cx="96530" cy="29186"/>
                  </a:xfrm>
                  <a:custGeom>
                    <a:avLst/>
                    <a:gdLst>
                      <a:gd name="connsiteX0" fmla="*/ 0 w 96530"/>
                      <a:gd name="connsiteY0" fmla="*/ 0 h 29186"/>
                      <a:gd name="connsiteX1" fmla="*/ 96530 w 96530"/>
                      <a:gd name="connsiteY1" fmla="*/ 0 h 29186"/>
                      <a:gd name="connsiteX2" fmla="*/ 96530 w 96530"/>
                      <a:gd name="connsiteY2" fmla="*/ 29187 h 29186"/>
                      <a:gd name="connsiteX3" fmla="*/ 0 w 96530"/>
                      <a:gd name="connsiteY3" fmla="*/ 29187 h 29186"/>
                    </a:gdLst>
                    <a:ahLst/>
                    <a:cxnLst>
                      <a:cxn ang="0">
                        <a:pos x="connsiteX0" y="connsiteY0"/>
                      </a:cxn>
                      <a:cxn ang="0">
                        <a:pos x="connsiteX1" y="connsiteY1"/>
                      </a:cxn>
                      <a:cxn ang="0">
                        <a:pos x="connsiteX2" y="connsiteY2"/>
                      </a:cxn>
                      <a:cxn ang="0">
                        <a:pos x="connsiteX3" y="connsiteY3"/>
                      </a:cxn>
                    </a:cxnLst>
                    <a:rect l="l" t="t" r="r" b="b"/>
                    <a:pathLst>
                      <a:path w="96530" h="29186">
                        <a:moveTo>
                          <a:pt x="0" y="0"/>
                        </a:moveTo>
                        <a:lnTo>
                          <a:pt x="96530" y="0"/>
                        </a:lnTo>
                        <a:lnTo>
                          <a:pt x="96530" y="29187"/>
                        </a:lnTo>
                        <a:lnTo>
                          <a:pt x="0" y="29187"/>
                        </a:lnTo>
                        <a:close/>
                      </a:path>
                    </a:pathLst>
                  </a:custGeom>
                  <a:solidFill>
                    <a:srgbClr val="E3731C"/>
                  </a:solidFill>
                  <a:ln w="748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186" name="Freeform: Shape 185">
                    <a:extLst>
                      <a:ext uri="{FF2B5EF4-FFF2-40B4-BE49-F238E27FC236}">
                        <a16:creationId xmlns:a16="http://schemas.microsoft.com/office/drawing/2014/main" id="{CD90DC3D-45E5-7F81-DECD-7E28B477A056}"/>
                      </a:ext>
                    </a:extLst>
                  </p:cNvPr>
                  <p:cNvSpPr/>
                  <p:nvPr/>
                </p:nvSpPr>
                <p:spPr>
                  <a:xfrm>
                    <a:off x="2784016" y="3583242"/>
                    <a:ext cx="48958" cy="71938"/>
                  </a:xfrm>
                  <a:custGeom>
                    <a:avLst/>
                    <a:gdLst>
                      <a:gd name="connsiteX0" fmla="*/ 0 w 48958"/>
                      <a:gd name="connsiteY0" fmla="*/ 0 h 71938"/>
                      <a:gd name="connsiteX1" fmla="*/ 48958 w 48958"/>
                      <a:gd name="connsiteY1" fmla="*/ 0 h 71938"/>
                      <a:gd name="connsiteX2" fmla="*/ 48958 w 48958"/>
                      <a:gd name="connsiteY2" fmla="*/ 71938 h 71938"/>
                      <a:gd name="connsiteX3" fmla="*/ 0 w 48958"/>
                      <a:gd name="connsiteY3" fmla="*/ 71938 h 71938"/>
                    </a:gdLst>
                    <a:ahLst/>
                    <a:cxnLst>
                      <a:cxn ang="0">
                        <a:pos x="connsiteX0" y="connsiteY0"/>
                      </a:cxn>
                      <a:cxn ang="0">
                        <a:pos x="connsiteX1" y="connsiteY1"/>
                      </a:cxn>
                      <a:cxn ang="0">
                        <a:pos x="connsiteX2" y="connsiteY2"/>
                      </a:cxn>
                      <a:cxn ang="0">
                        <a:pos x="connsiteX3" y="connsiteY3"/>
                      </a:cxn>
                    </a:cxnLst>
                    <a:rect l="l" t="t" r="r" b="b"/>
                    <a:pathLst>
                      <a:path w="48958" h="71938">
                        <a:moveTo>
                          <a:pt x="0" y="0"/>
                        </a:moveTo>
                        <a:lnTo>
                          <a:pt x="48958" y="0"/>
                        </a:lnTo>
                        <a:lnTo>
                          <a:pt x="48958" y="71938"/>
                        </a:lnTo>
                        <a:lnTo>
                          <a:pt x="0" y="71938"/>
                        </a:lnTo>
                        <a:close/>
                      </a:path>
                    </a:pathLst>
                  </a:custGeom>
                  <a:solidFill>
                    <a:srgbClr val="F3BE26"/>
                  </a:solidFill>
                  <a:ln w="748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187" name="Freeform: Shape 186">
                    <a:extLst>
                      <a:ext uri="{FF2B5EF4-FFF2-40B4-BE49-F238E27FC236}">
                        <a16:creationId xmlns:a16="http://schemas.microsoft.com/office/drawing/2014/main" id="{DCFF3460-3FD4-9E7B-D557-53C443447D9F}"/>
                      </a:ext>
                    </a:extLst>
                  </p:cNvPr>
                  <p:cNvSpPr/>
                  <p:nvPr/>
                </p:nvSpPr>
                <p:spPr>
                  <a:xfrm>
                    <a:off x="2784016" y="3655180"/>
                    <a:ext cx="48958" cy="47933"/>
                  </a:xfrm>
                  <a:custGeom>
                    <a:avLst/>
                    <a:gdLst>
                      <a:gd name="connsiteX0" fmla="*/ 0 w 48958"/>
                      <a:gd name="connsiteY0" fmla="*/ 0 h 47933"/>
                      <a:gd name="connsiteX1" fmla="*/ 48958 w 48958"/>
                      <a:gd name="connsiteY1" fmla="*/ 0 h 47933"/>
                      <a:gd name="connsiteX2" fmla="*/ 48958 w 48958"/>
                      <a:gd name="connsiteY2" fmla="*/ 47934 h 47933"/>
                      <a:gd name="connsiteX3" fmla="*/ 0 w 48958"/>
                      <a:gd name="connsiteY3" fmla="*/ 47934 h 47933"/>
                    </a:gdLst>
                    <a:ahLst/>
                    <a:cxnLst>
                      <a:cxn ang="0">
                        <a:pos x="connsiteX0" y="connsiteY0"/>
                      </a:cxn>
                      <a:cxn ang="0">
                        <a:pos x="connsiteX1" y="connsiteY1"/>
                      </a:cxn>
                      <a:cxn ang="0">
                        <a:pos x="connsiteX2" y="connsiteY2"/>
                      </a:cxn>
                      <a:cxn ang="0">
                        <a:pos x="connsiteX3" y="connsiteY3"/>
                      </a:cxn>
                    </a:cxnLst>
                    <a:rect l="l" t="t" r="r" b="b"/>
                    <a:pathLst>
                      <a:path w="48958" h="47933">
                        <a:moveTo>
                          <a:pt x="0" y="0"/>
                        </a:moveTo>
                        <a:lnTo>
                          <a:pt x="48958" y="0"/>
                        </a:lnTo>
                        <a:lnTo>
                          <a:pt x="48958" y="47934"/>
                        </a:lnTo>
                        <a:lnTo>
                          <a:pt x="0" y="47934"/>
                        </a:lnTo>
                        <a:close/>
                      </a:path>
                    </a:pathLst>
                  </a:custGeom>
                  <a:solidFill>
                    <a:srgbClr val="DB4E18"/>
                  </a:solidFill>
                  <a:ln w="748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188" name="Freeform: Shape 187">
                    <a:extLst>
                      <a:ext uri="{FF2B5EF4-FFF2-40B4-BE49-F238E27FC236}">
                        <a16:creationId xmlns:a16="http://schemas.microsoft.com/office/drawing/2014/main" id="{17F8FB84-9134-DB59-F7DC-40529BCB5C6D}"/>
                      </a:ext>
                    </a:extLst>
                  </p:cNvPr>
                  <p:cNvSpPr/>
                  <p:nvPr/>
                </p:nvSpPr>
                <p:spPr>
                  <a:xfrm>
                    <a:off x="2765027" y="3583242"/>
                    <a:ext cx="18988" cy="71938"/>
                  </a:xfrm>
                  <a:custGeom>
                    <a:avLst/>
                    <a:gdLst>
                      <a:gd name="connsiteX0" fmla="*/ 0 w 18988"/>
                      <a:gd name="connsiteY0" fmla="*/ 0 h 71938"/>
                      <a:gd name="connsiteX1" fmla="*/ 18988 w 18988"/>
                      <a:gd name="connsiteY1" fmla="*/ 0 h 71938"/>
                      <a:gd name="connsiteX2" fmla="*/ 18988 w 18988"/>
                      <a:gd name="connsiteY2" fmla="*/ 71938 h 71938"/>
                      <a:gd name="connsiteX3" fmla="*/ 0 w 18988"/>
                      <a:gd name="connsiteY3" fmla="*/ 71938 h 71938"/>
                    </a:gdLst>
                    <a:ahLst/>
                    <a:cxnLst>
                      <a:cxn ang="0">
                        <a:pos x="connsiteX0" y="connsiteY0"/>
                      </a:cxn>
                      <a:cxn ang="0">
                        <a:pos x="connsiteX1" y="connsiteY1"/>
                      </a:cxn>
                      <a:cxn ang="0">
                        <a:pos x="connsiteX2" y="connsiteY2"/>
                      </a:cxn>
                      <a:cxn ang="0">
                        <a:pos x="connsiteX3" y="connsiteY3"/>
                      </a:cxn>
                    </a:cxnLst>
                    <a:rect l="l" t="t" r="r" b="b"/>
                    <a:pathLst>
                      <a:path w="18988" h="71938">
                        <a:moveTo>
                          <a:pt x="0" y="0"/>
                        </a:moveTo>
                        <a:lnTo>
                          <a:pt x="18988" y="0"/>
                        </a:lnTo>
                        <a:lnTo>
                          <a:pt x="18988" y="71938"/>
                        </a:lnTo>
                        <a:lnTo>
                          <a:pt x="0" y="71938"/>
                        </a:lnTo>
                        <a:close/>
                      </a:path>
                    </a:pathLst>
                  </a:custGeom>
                  <a:solidFill>
                    <a:srgbClr val="E88C14"/>
                  </a:solidFill>
                  <a:ln w="748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189" name="Freeform: Shape 188">
                    <a:extLst>
                      <a:ext uri="{FF2B5EF4-FFF2-40B4-BE49-F238E27FC236}">
                        <a16:creationId xmlns:a16="http://schemas.microsoft.com/office/drawing/2014/main" id="{BD83F0C8-461E-F52F-14CE-69654D5D061F}"/>
                      </a:ext>
                    </a:extLst>
                  </p:cNvPr>
                  <p:cNvSpPr/>
                  <p:nvPr/>
                </p:nvSpPr>
                <p:spPr>
                  <a:xfrm>
                    <a:off x="2765027" y="3655180"/>
                    <a:ext cx="18988" cy="47933"/>
                  </a:xfrm>
                  <a:custGeom>
                    <a:avLst/>
                    <a:gdLst>
                      <a:gd name="connsiteX0" fmla="*/ 0 w 18988"/>
                      <a:gd name="connsiteY0" fmla="*/ 0 h 47933"/>
                      <a:gd name="connsiteX1" fmla="*/ 18988 w 18988"/>
                      <a:gd name="connsiteY1" fmla="*/ 0 h 47933"/>
                      <a:gd name="connsiteX2" fmla="*/ 18988 w 18988"/>
                      <a:gd name="connsiteY2" fmla="*/ 47934 h 47933"/>
                      <a:gd name="connsiteX3" fmla="*/ 0 w 18988"/>
                      <a:gd name="connsiteY3" fmla="*/ 47934 h 47933"/>
                    </a:gdLst>
                    <a:ahLst/>
                    <a:cxnLst>
                      <a:cxn ang="0">
                        <a:pos x="connsiteX0" y="connsiteY0"/>
                      </a:cxn>
                      <a:cxn ang="0">
                        <a:pos x="connsiteX1" y="connsiteY1"/>
                      </a:cxn>
                      <a:cxn ang="0">
                        <a:pos x="connsiteX2" y="connsiteY2"/>
                      </a:cxn>
                      <a:cxn ang="0">
                        <a:pos x="connsiteX3" y="connsiteY3"/>
                      </a:cxn>
                    </a:cxnLst>
                    <a:rect l="l" t="t" r="r" b="b"/>
                    <a:pathLst>
                      <a:path w="18988" h="47933">
                        <a:moveTo>
                          <a:pt x="0" y="0"/>
                        </a:moveTo>
                        <a:lnTo>
                          <a:pt x="18988" y="0"/>
                        </a:lnTo>
                        <a:lnTo>
                          <a:pt x="18988" y="47934"/>
                        </a:lnTo>
                        <a:lnTo>
                          <a:pt x="0" y="47934"/>
                        </a:lnTo>
                        <a:close/>
                      </a:path>
                    </a:pathLst>
                  </a:custGeom>
                  <a:solidFill>
                    <a:srgbClr val="D1390D"/>
                  </a:solidFill>
                  <a:ln w="748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190" name="Freeform: Shape 189">
                    <a:extLst>
                      <a:ext uri="{FF2B5EF4-FFF2-40B4-BE49-F238E27FC236}">
                        <a16:creationId xmlns:a16="http://schemas.microsoft.com/office/drawing/2014/main" id="{132ADFE7-C620-9466-AE93-7307E723D176}"/>
                      </a:ext>
                    </a:extLst>
                  </p:cNvPr>
                  <p:cNvSpPr/>
                  <p:nvPr/>
                </p:nvSpPr>
                <p:spPr>
                  <a:xfrm>
                    <a:off x="2668497" y="3583242"/>
                    <a:ext cx="96530" cy="71938"/>
                  </a:xfrm>
                  <a:custGeom>
                    <a:avLst/>
                    <a:gdLst>
                      <a:gd name="connsiteX0" fmla="*/ 60369 w 96530"/>
                      <a:gd name="connsiteY0" fmla="*/ 71938 h 71938"/>
                      <a:gd name="connsiteX1" fmla="*/ 96530 w 96530"/>
                      <a:gd name="connsiteY1" fmla="*/ 71938 h 71938"/>
                      <a:gd name="connsiteX2" fmla="*/ 96530 w 96530"/>
                      <a:gd name="connsiteY2" fmla="*/ 0 h 71938"/>
                      <a:gd name="connsiteX3" fmla="*/ 0 w 96530"/>
                      <a:gd name="connsiteY3" fmla="*/ 0 h 71938"/>
                      <a:gd name="connsiteX4" fmla="*/ 0 w 96530"/>
                      <a:gd name="connsiteY4" fmla="*/ 47919 h 71938"/>
                      <a:gd name="connsiteX5" fmla="*/ 60369 w 96530"/>
                      <a:gd name="connsiteY5" fmla="*/ 47919 h 719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96530" h="71938">
                        <a:moveTo>
                          <a:pt x="60369" y="71938"/>
                        </a:moveTo>
                        <a:lnTo>
                          <a:pt x="96530" y="71938"/>
                        </a:lnTo>
                        <a:lnTo>
                          <a:pt x="96530" y="0"/>
                        </a:lnTo>
                        <a:lnTo>
                          <a:pt x="0" y="0"/>
                        </a:lnTo>
                        <a:lnTo>
                          <a:pt x="0" y="47919"/>
                        </a:lnTo>
                        <a:lnTo>
                          <a:pt x="60369" y="47919"/>
                        </a:lnTo>
                        <a:close/>
                      </a:path>
                    </a:pathLst>
                  </a:custGeom>
                  <a:solidFill>
                    <a:srgbClr val="D85604"/>
                  </a:solidFill>
                  <a:ln w="748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191" name="Freeform: Shape 190">
                    <a:extLst>
                      <a:ext uri="{FF2B5EF4-FFF2-40B4-BE49-F238E27FC236}">
                        <a16:creationId xmlns:a16="http://schemas.microsoft.com/office/drawing/2014/main" id="{175E5062-6F1E-BFA4-9FAF-05A33FC4CE44}"/>
                      </a:ext>
                    </a:extLst>
                  </p:cNvPr>
                  <p:cNvSpPr/>
                  <p:nvPr/>
                </p:nvSpPr>
                <p:spPr>
                  <a:xfrm>
                    <a:off x="2728866" y="3655180"/>
                    <a:ext cx="36161" cy="47933"/>
                  </a:xfrm>
                  <a:custGeom>
                    <a:avLst/>
                    <a:gdLst>
                      <a:gd name="connsiteX0" fmla="*/ 0 w 36161"/>
                      <a:gd name="connsiteY0" fmla="*/ 0 h 47933"/>
                      <a:gd name="connsiteX1" fmla="*/ 36161 w 36161"/>
                      <a:gd name="connsiteY1" fmla="*/ 0 h 47933"/>
                      <a:gd name="connsiteX2" fmla="*/ 36161 w 36161"/>
                      <a:gd name="connsiteY2" fmla="*/ 47934 h 47933"/>
                      <a:gd name="connsiteX3" fmla="*/ 0 w 36161"/>
                      <a:gd name="connsiteY3" fmla="*/ 47934 h 47933"/>
                    </a:gdLst>
                    <a:ahLst/>
                    <a:cxnLst>
                      <a:cxn ang="0">
                        <a:pos x="connsiteX0" y="connsiteY0"/>
                      </a:cxn>
                      <a:cxn ang="0">
                        <a:pos x="connsiteX1" y="connsiteY1"/>
                      </a:cxn>
                      <a:cxn ang="0">
                        <a:pos x="connsiteX2" y="connsiteY2"/>
                      </a:cxn>
                      <a:cxn ang="0">
                        <a:pos x="connsiteX3" y="connsiteY3"/>
                      </a:cxn>
                    </a:cxnLst>
                    <a:rect l="l" t="t" r="r" b="b"/>
                    <a:pathLst>
                      <a:path w="36161" h="47933">
                        <a:moveTo>
                          <a:pt x="0" y="0"/>
                        </a:moveTo>
                        <a:lnTo>
                          <a:pt x="36161" y="0"/>
                        </a:lnTo>
                        <a:lnTo>
                          <a:pt x="36161" y="47934"/>
                        </a:lnTo>
                        <a:lnTo>
                          <a:pt x="0" y="47934"/>
                        </a:lnTo>
                        <a:close/>
                      </a:path>
                    </a:pathLst>
                  </a:custGeom>
                  <a:solidFill>
                    <a:srgbClr val="C22303"/>
                  </a:solidFill>
                  <a:ln w="748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192" name="Freeform: Shape 191">
                    <a:extLst>
                      <a:ext uri="{FF2B5EF4-FFF2-40B4-BE49-F238E27FC236}">
                        <a16:creationId xmlns:a16="http://schemas.microsoft.com/office/drawing/2014/main" id="{F8E3E603-772B-9A04-6023-A6D432725DB4}"/>
                      </a:ext>
                    </a:extLst>
                  </p:cNvPr>
                  <p:cNvSpPr/>
                  <p:nvPr/>
                </p:nvSpPr>
                <p:spPr>
                  <a:xfrm>
                    <a:off x="2668497" y="3631160"/>
                    <a:ext cx="60369" cy="24019"/>
                  </a:xfrm>
                  <a:custGeom>
                    <a:avLst/>
                    <a:gdLst>
                      <a:gd name="connsiteX0" fmla="*/ 0 w 60369"/>
                      <a:gd name="connsiteY0" fmla="*/ 0 h 24019"/>
                      <a:gd name="connsiteX1" fmla="*/ 60369 w 60369"/>
                      <a:gd name="connsiteY1" fmla="*/ 0 h 24019"/>
                      <a:gd name="connsiteX2" fmla="*/ 60369 w 60369"/>
                      <a:gd name="connsiteY2" fmla="*/ 24020 h 24019"/>
                      <a:gd name="connsiteX3" fmla="*/ 0 w 60369"/>
                      <a:gd name="connsiteY3" fmla="*/ 24020 h 24019"/>
                    </a:gdLst>
                    <a:ahLst/>
                    <a:cxnLst>
                      <a:cxn ang="0">
                        <a:pos x="connsiteX0" y="connsiteY0"/>
                      </a:cxn>
                      <a:cxn ang="0">
                        <a:pos x="connsiteX1" y="connsiteY1"/>
                      </a:cxn>
                      <a:cxn ang="0">
                        <a:pos x="connsiteX2" y="connsiteY2"/>
                      </a:cxn>
                      <a:cxn ang="0">
                        <a:pos x="connsiteX3" y="connsiteY3"/>
                      </a:cxn>
                    </a:cxnLst>
                    <a:rect l="l" t="t" r="r" b="b"/>
                    <a:pathLst>
                      <a:path w="60369" h="24019">
                        <a:moveTo>
                          <a:pt x="0" y="0"/>
                        </a:moveTo>
                        <a:lnTo>
                          <a:pt x="60369" y="0"/>
                        </a:lnTo>
                        <a:lnTo>
                          <a:pt x="60369" y="24020"/>
                        </a:lnTo>
                        <a:lnTo>
                          <a:pt x="0" y="24020"/>
                        </a:lnTo>
                        <a:close/>
                      </a:path>
                    </a:pathLst>
                  </a:custGeom>
                  <a:solidFill>
                    <a:srgbClr val="C14303"/>
                  </a:solidFill>
                  <a:ln w="748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193" name="Freeform: Shape 192">
                    <a:extLst>
                      <a:ext uri="{FF2B5EF4-FFF2-40B4-BE49-F238E27FC236}">
                        <a16:creationId xmlns:a16="http://schemas.microsoft.com/office/drawing/2014/main" id="{C7932CC2-A880-D144-467B-64C12E4228C6}"/>
                      </a:ext>
                    </a:extLst>
                  </p:cNvPr>
                  <p:cNvSpPr/>
                  <p:nvPr/>
                </p:nvSpPr>
                <p:spPr>
                  <a:xfrm>
                    <a:off x="2668497" y="3655180"/>
                    <a:ext cx="60369" cy="47933"/>
                  </a:xfrm>
                  <a:custGeom>
                    <a:avLst/>
                    <a:gdLst>
                      <a:gd name="connsiteX0" fmla="*/ 0 w 60369"/>
                      <a:gd name="connsiteY0" fmla="*/ 0 h 47933"/>
                      <a:gd name="connsiteX1" fmla="*/ 60369 w 60369"/>
                      <a:gd name="connsiteY1" fmla="*/ 0 h 47933"/>
                      <a:gd name="connsiteX2" fmla="*/ 60369 w 60369"/>
                      <a:gd name="connsiteY2" fmla="*/ 47934 h 47933"/>
                      <a:gd name="connsiteX3" fmla="*/ 0 w 60369"/>
                      <a:gd name="connsiteY3" fmla="*/ 47934 h 47933"/>
                    </a:gdLst>
                    <a:ahLst/>
                    <a:cxnLst>
                      <a:cxn ang="0">
                        <a:pos x="connsiteX0" y="connsiteY0"/>
                      </a:cxn>
                      <a:cxn ang="0">
                        <a:pos x="connsiteX1" y="connsiteY1"/>
                      </a:cxn>
                      <a:cxn ang="0">
                        <a:pos x="connsiteX2" y="connsiteY2"/>
                      </a:cxn>
                      <a:cxn ang="0">
                        <a:pos x="connsiteX3" y="connsiteY3"/>
                      </a:cxn>
                    </a:cxnLst>
                    <a:rect l="l" t="t" r="r" b="b"/>
                    <a:pathLst>
                      <a:path w="60369" h="47933">
                        <a:moveTo>
                          <a:pt x="0" y="0"/>
                        </a:moveTo>
                        <a:lnTo>
                          <a:pt x="60369" y="0"/>
                        </a:lnTo>
                        <a:lnTo>
                          <a:pt x="60369" y="47934"/>
                        </a:lnTo>
                        <a:lnTo>
                          <a:pt x="0" y="47934"/>
                        </a:lnTo>
                        <a:close/>
                      </a:path>
                    </a:pathLst>
                  </a:custGeom>
                  <a:solidFill>
                    <a:srgbClr val="AD1B02"/>
                  </a:solidFill>
                  <a:ln w="748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194" name="Freeform: Shape 193">
                    <a:extLst>
                      <a:ext uri="{FF2B5EF4-FFF2-40B4-BE49-F238E27FC236}">
                        <a16:creationId xmlns:a16="http://schemas.microsoft.com/office/drawing/2014/main" id="{0CC3D10F-6007-373D-F600-46177EFDF4DC}"/>
                      </a:ext>
                    </a:extLst>
                  </p:cNvPr>
                  <p:cNvSpPr/>
                  <p:nvPr/>
                </p:nvSpPr>
                <p:spPr>
                  <a:xfrm>
                    <a:off x="2571703" y="3703114"/>
                    <a:ext cx="96793" cy="23966"/>
                  </a:xfrm>
                  <a:custGeom>
                    <a:avLst/>
                    <a:gdLst>
                      <a:gd name="connsiteX0" fmla="*/ 0 w 96793"/>
                      <a:gd name="connsiteY0" fmla="*/ 0 h 23966"/>
                      <a:gd name="connsiteX1" fmla="*/ 96794 w 96793"/>
                      <a:gd name="connsiteY1" fmla="*/ 0 h 23966"/>
                      <a:gd name="connsiteX2" fmla="*/ 96794 w 96793"/>
                      <a:gd name="connsiteY2" fmla="*/ 23967 h 23966"/>
                      <a:gd name="connsiteX3" fmla="*/ 0 w 96793"/>
                      <a:gd name="connsiteY3" fmla="*/ 23967 h 23966"/>
                    </a:gdLst>
                    <a:ahLst/>
                    <a:cxnLst>
                      <a:cxn ang="0">
                        <a:pos x="connsiteX0" y="connsiteY0"/>
                      </a:cxn>
                      <a:cxn ang="0">
                        <a:pos x="connsiteX1" y="connsiteY1"/>
                      </a:cxn>
                      <a:cxn ang="0">
                        <a:pos x="connsiteX2" y="connsiteY2"/>
                      </a:cxn>
                      <a:cxn ang="0">
                        <a:pos x="connsiteX3" y="connsiteY3"/>
                      </a:cxn>
                    </a:cxnLst>
                    <a:rect l="l" t="t" r="r" b="b"/>
                    <a:pathLst>
                      <a:path w="96793" h="23966">
                        <a:moveTo>
                          <a:pt x="0" y="0"/>
                        </a:moveTo>
                        <a:lnTo>
                          <a:pt x="96794" y="0"/>
                        </a:lnTo>
                        <a:lnTo>
                          <a:pt x="96794" y="23967"/>
                        </a:lnTo>
                        <a:lnTo>
                          <a:pt x="0" y="23967"/>
                        </a:lnTo>
                        <a:close/>
                      </a:path>
                    </a:pathLst>
                  </a:custGeom>
                  <a:solidFill>
                    <a:srgbClr val="AD1B02"/>
                  </a:solidFill>
                  <a:ln w="748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grpSp>
          </p:grpSp>
        </p:grpSp>
        <p:grpSp>
          <p:nvGrpSpPr>
            <p:cNvPr id="148" name="Graphic 8">
              <a:extLst>
                <a:ext uri="{FF2B5EF4-FFF2-40B4-BE49-F238E27FC236}">
                  <a16:creationId xmlns:a16="http://schemas.microsoft.com/office/drawing/2014/main" id="{86B5D979-D227-39D6-A6B3-DAA812173A49}"/>
                </a:ext>
              </a:extLst>
            </p:cNvPr>
            <p:cNvGrpSpPr/>
            <p:nvPr/>
          </p:nvGrpSpPr>
          <p:grpSpPr>
            <a:xfrm>
              <a:off x="7199463" y="3740114"/>
              <a:ext cx="1014301" cy="174485"/>
              <a:chOff x="7001521" y="3620179"/>
              <a:chExt cx="1227304" cy="211127"/>
            </a:xfrm>
          </p:grpSpPr>
          <p:grpSp>
            <p:nvGrpSpPr>
              <p:cNvPr id="160" name="Graphic 8">
                <a:extLst>
                  <a:ext uri="{FF2B5EF4-FFF2-40B4-BE49-F238E27FC236}">
                    <a16:creationId xmlns:a16="http://schemas.microsoft.com/office/drawing/2014/main" id="{C8BB1F4F-4D75-17FB-607F-2C8A8D0C63DD}"/>
                  </a:ext>
                </a:extLst>
              </p:cNvPr>
              <p:cNvGrpSpPr/>
              <p:nvPr/>
            </p:nvGrpSpPr>
            <p:grpSpPr>
              <a:xfrm>
                <a:off x="7001521" y="3620179"/>
                <a:ext cx="191654" cy="211127"/>
                <a:chOff x="7001521" y="3620179"/>
                <a:chExt cx="191654" cy="211127"/>
              </a:xfrm>
            </p:grpSpPr>
            <p:sp>
              <p:nvSpPr>
                <p:cNvPr id="175" name="Freeform: Shape 174">
                  <a:extLst>
                    <a:ext uri="{FF2B5EF4-FFF2-40B4-BE49-F238E27FC236}">
                      <a16:creationId xmlns:a16="http://schemas.microsoft.com/office/drawing/2014/main" id="{EF1FBED5-2973-CD7A-6E52-7523FD483A4C}"/>
                    </a:ext>
                  </a:extLst>
                </p:cNvPr>
                <p:cNvSpPr/>
                <p:nvPr/>
              </p:nvSpPr>
              <p:spPr>
                <a:xfrm>
                  <a:off x="7060871" y="3725759"/>
                  <a:ext cx="132304" cy="105547"/>
                </a:xfrm>
                <a:custGeom>
                  <a:avLst/>
                  <a:gdLst>
                    <a:gd name="connsiteX0" fmla="*/ 0 w 132304"/>
                    <a:gd name="connsiteY0" fmla="*/ 61279 h 105547"/>
                    <a:gd name="connsiteX1" fmla="*/ 12494 w 132304"/>
                    <a:gd name="connsiteY1" fmla="*/ 87833 h 105547"/>
                    <a:gd name="connsiteX2" fmla="*/ 24223 w 132304"/>
                    <a:gd name="connsiteY2" fmla="*/ 105547 h 105547"/>
                    <a:gd name="connsiteX3" fmla="*/ 132305 w 132304"/>
                    <a:gd name="connsiteY3" fmla="*/ 43072 h 105547"/>
                    <a:gd name="connsiteX4" fmla="*/ 105978 w 132304"/>
                    <a:gd name="connsiteY4" fmla="*/ 0 h 105547"/>
                    <a:gd name="connsiteX5" fmla="*/ 0 w 132304"/>
                    <a:gd name="connsiteY5" fmla="*/ 61279 h 10554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32304" h="105547">
                      <a:moveTo>
                        <a:pt x="0" y="61279"/>
                      </a:moveTo>
                      <a:cubicBezTo>
                        <a:pt x="3406" y="70370"/>
                        <a:pt x="7543" y="79257"/>
                        <a:pt x="12494" y="87833"/>
                      </a:cubicBezTo>
                      <a:cubicBezTo>
                        <a:pt x="16051" y="93994"/>
                        <a:pt x="19982" y="99899"/>
                        <a:pt x="24223" y="105547"/>
                      </a:cubicBezTo>
                      <a:cubicBezTo>
                        <a:pt x="66117" y="95265"/>
                        <a:pt x="103385" y="73209"/>
                        <a:pt x="132305" y="43072"/>
                      </a:cubicBezTo>
                      <a:cubicBezTo>
                        <a:pt x="125605" y="27422"/>
                        <a:pt x="116700" y="12932"/>
                        <a:pt x="105978" y="0"/>
                      </a:cubicBezTo>
                      <a:cubicBezTo>
                        <a:pt x="79647" y="31756"/>
                        <a:pt x="42375" y="54124"/>
                        <a:pt x="0" y="61279"/>
                      </a:cubicBezTo>
                      <a:close/>
                    </a:path>
                  </a:pathLst>
                </a:custGeom>
                <a:solidFill>
                  <a:srgbClr val="16AB03"/>
                </a:solidFill>
                <a:ln w="865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176" name="Freeform: Shape 175">
                  <a:extLst>
                    <a:ext uri="{FF2B5EF4-FFF2-40B4-BE49-F238E27FC236}">
                      <a16:creationId xmlns:a16="http://schemas.microsoft.com/office/drawing/2014/main" id="{5736A116-D938-CB30-6F79-E7B4A42B7FF6}"/>
                    </a:ext>
                  </a:extLst>
                </p:cNvPr>
                <p:cNvSpPr/>
                <p:nvPr/>
              </p:nvSpPr>
              <p:spPr>
                <a:xfrm>
                  <a:off x="7060841" y="3620179"/>
                  <a:ext cx="132334" cy="105580"/>
                </a:xfrm>
                <a:custGeom>
                  <a:avLst/>
                  <a:gdLst>
                    <a:gd name="connsiteX0" fmla="*/ 24125 w 132334"/>
                    <a:gd name="connsiteY0" fmla="*/ 0 h 105580"/>
                    <a:gd name="connsiteX1" fmla="*/ 0 w 132334"/>
                    <a:gd name="connsiteY1" fmla="*/ 44296 h 105580"/>
                    <a:gd name="connsiteX2" fmla="*/ 106007 w 132334"/>
                    <a:gd name="connsiteY2" fmla="*/ 105580 h 105580"/>
                    <a:gd name="connsiteX3" fmla="*/ 132334 w 132334"/>
                    <a:gd name="connsiteY3" fmla="*/ 62508 h 105580"/>
                    <a:gd name="connsiteX4" fmla="*/ 24125 w 132334"/>
                    <a:gd name="connsiteY4" fmla="*/ 0 h 105580"/>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32334" h="105580">
                      <a:moveTo>
                        <a:pt x="24125" y="0"/>
                      </a:moveTo>
                      <a:cubicBezTo>
                        <a:pt x="14057" y="13417"/>
                        <a:pt x="5919" y="28290"/>
                        <a:pt x="0" y="44296"/>
                      </a:cubicBezTo>
                      <a:cubicBezTo>
                        <a:pt x="42387" y="51445"/>
                        <a:pt x="79671" y="73816"/>
                        <a:pt x="106007" y="105580"/>
                      </a:cubicBezTo>
                      <a:cubicBezTo>
                        <a:pt x="116730" y="92648"/>
                        <a:pt x="125635" y="78159"/>
                        <a:pt x="132334" y="62508"/>
                      </a:cubicBezTo>
                      <a:cubicBezTo>
                        <a:pt x="103385" y="32340"/>
                        <a:pt x="66072" y="10270"/>
                        <a:pt x="24125" y="0"/>
                      </a:cubicBezTo>
                      <a:close/>
                    </a:path>
                  </a:pathLst>
                </a:custGeom>
                <a:solidFill>
                  <a:srgbClr val="5E33BF"/>
                </a:solidFill>
                <a:ln w="865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177" name="Freeform: Shape 176">
                  <a:extLst>
                    <a:ext uri="{FF2B5EF4-FFF2-40B4-BE49-F238E27FC236}">
                      <a16:creationId xmlns:a16="http://schemas.microsoft.com/office/drawing/2014/main" id="{48A58CD6-56D1-1308-6793-F707B7D24AA2}"/>
                    </a:ext>
                  </a:extLst>
                </p:cNvPr>
                <p:cNvSpPr/>
                <p:nvPr/>
              </p:nvSpPr>
              <p:spPr>
                <a:xfrm>
                  <a:off x="7001521" y="3662022"/>
                  <a:ext cx="59349" cy="127472"/>
                </a:xfrm>
                <a:custGeom>
                  <a:avLst/>
                  <a:gdLst>
                    <a:gd name="connsiteX0" fmla="*/ 59349 w 59349"/>
                    <a:gd name="connsiteY0" fmla="*/ 125015 h 127472"/>
                    <a:gd name="connsiteX1" fmla="*/ 54287 w 59349"/>
                    <a:gd name="connsiteY1" fmla="*/ 18213 h 127472"/>
                    <a:gd name="connsiteX2" fmla="*/ 59320 w 59349"/>
                    <a:gd name="connsiteY2" fmla="*/ 2453 h 127472"/>
                    <a:gd name="connsiteX3" fmla="*/ 30003 w 59349"/>
                    <a:gd name="connsiteY3" fmla="*/ 0 h 127472"/>
                    <a:gd name="connsiteX4" fmla="*/ 8907 w 59349"/>
                    <a:gd name="connsiteY4" fmla="*/ 1270 h 127472"/>
                    <a:gd name="connsiteX5" fmla="*/ 8884 w 59349"/>
                    <a:gd name="connsiteY5" fmla="*/ 126200 h 127472"/>
                    <a:gd name="connsiteX6" fmla="*/ 30003 w 59349"/>
                    <a:gd name="connsiteY6" fmla="*/ 127473 h 127472"/>
                    <a:gd name="connsiteX7" fmla="*/ 59349 w 59349"/>
                    <a:gd name="connsiteY7" fmla="*/ 125015 h 12747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59349" h="127472">
                      <a:moveTo>
                        <a:pt x="59349" y="125015"/>
                      </a:moveTo>
                      <a:cubicBezTo>
                        <a:pt x="46608" y="91012"/>
                        <a:pt x="44700" y="53991"/>
                        <a:pt x="54287" y="18213"/>
                      </a:cubicBezTo>
                      <a:cubicBezTo>
                        <a:pt x="55725" y="12849"/>
                        <a:pt x="57417" y="7597"/>
                        <a:pt x="59320" y="2453"/>
                      </a:cubicBezTo>
                      <a:cubicBezTo>
                        <a:pt x="49783" y="844"/>
                        <a:pt x="39990" y="0"/>
                        <a:pt x="30003" y="0"/>
                      </a:cubicBezTo>
                      <a:cubicBezTo>
                        <a:pt x="22864" y="0"/>
                        <a:pt x="15826" y="439"/>
                        <a:pt x="8907" y="1270"/>
                      </a:cubicBezTo>
                      <a:cubicBezTo>
                        <a:pt x="-2736" y="41415"/>
                        <a:pt x="-3192" y="84750"/>
                        <a:pt x="8884" y="126200"/>
                      </a:cubicBezTo>
                      <a:cubicBezTo>
                        <a:pt x="15810" y="127033"/>
                        <a:pt x="22856" y="127473"/>
                        <a:pt x="30003" y="127473"/>
                      </a:cubicBezTo>
                      <a:cubicBezTo>
                        <a:pt x="40001" y="127473"/>
                        <a:pt x="49804" y="126627"/>
                        <a:pt x="59349" y="125015"/>
                      </a:cubicBezTo>
                      <a:close/>
                    </a:path>
                  </a:pathLst>
                </a:custGeom>
                <a:solidFill>
                  <a:srgbClr val="000000"/>
                </a:solidFill>
                <a:ln w="865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grpSp>
          <p:grpSp>
            <p:nvGrpSpPr>
              <p:cNvPr id="161" name="Graphic 8">
                <a:extLst>
                  <a:ext uri="{FF2B5EF4-FFF2-40B4-BE49-F238E27FC236}">
                    <a16:creationId xmlns:a16="http://schemas.microsoft.com/office/drawing/2014/main" id="{FBA0CA50-64C8-3CD9-19D6-A14C61D0A66B}"/>
                  </a:ext>
                </a:extLst>
              </p:cNvPr>
              <p:cNvGrpSpPr/>
              <p:nvPr/>
            </p:nvGrpSpPr>
            <p:grpSpPr>
              <a:xfrm>
                <a:off x="7248521" y="3638284"/>
                <a:ext cx="980305" cy="174917"/>
                <a:chOff x="7248521" y="3638284"/>
                <a:chExt cx="980305" cy="174917"/>
              </a:xfrm>
              <a:solidFill>
                <a:srgbClr val="000000"/>
              </a:solidFill>
            </p:grpSpPr>
            <p:grpSp>
              <p:nvGrpSpPr>
                <p:cNvPr id="162" name="Graphic 8">
                  <a:extLst>
                    <a:ext uri="{FF2B5EF4-FFF2-40B4-BE49-F238E27FC236}">
                      <a16:creationId xmlns:a16="http://schemas.microsoft.com/office/drawing/2014/main" id="{F8131200-F888-DD64-946E-309C9BD3B7CE}"/>
                    </a:ext>
                  </a:extLst>
                </p:cNvPr>
                <p:cNvGrpSpPr/>
                <p:nvPr/>
              </p:nvGrpSpPr>
              <p:grpSpPr>
                <a:xfrm>
                  <a:off x="7248521" y="3638284"/>
                  <a:ext cx="926800" cy="174917"/>
                  <a:chOff x="7248521" y="3638284"/>
                  <a:chExt cx="926800" cy="174917"/>
                </a:xfrm>
                <a:solidFill>
                  <a:srgbClr val="000000"/>
                </a:solidFill>
              </p:grpSpPr>
              <p:sp>
                <p:nvSpPr>
                  <p:cNvPr id="166" name="Freeform: Shape 165">
                    <a:extLst>
                      <a:ext uri="{FF2B5EF4-FFF2-40B4-BE49-F238E27FC236}">
                        <a16:creationId xmlns:a16="http://schemas.microsoft.com/office/drawing/2014/main" id="{6B886160-5FA1-48A6-C712-F80AE503AF0D}"/>
                      </a:ext>
                    </a:extLst>
                  </p:cNvPr>
                  <p:cNvSpPr/>
                  <p:nvPr/>
                </p:nvSpPr>
                <p:spPr>
                  <a:xfrm>
                    <a:off x="7248521" y="3638284"/>
                    <a:ext cx="171051" cy="174917"/>
                  </a:xfrm>
                  <a:custGeom>
                    <a:avLst/>
                    <a:gdLst>
                      <a:gd name="connsiteX0" fmla="*/ 88182 w 171051"/>
                      <a:gd name="connsiteY0" fmla="*/ 143993 h 174917"/>
                      <a:gd name="connsiteX1" fmla="*/ 134087 w 171051"/>
                      <a:gd name="connsiteY1" fmla="*/ 111861 h 174917"/>
                      <a:gd name="connsiteX2" fmla="*/ 171052 w 171051"/>
                      <a:gd name="connsiteY2" fmla="*/ 111861 h 174917"/>
                      <a:gd name="connsiteX3" fmla="*/ 88182 w 171051"/>
                      <a:gd name="connsiteY3" fmla="*/ 174918 h 174917"/>
                      <a:gd name="connsiteX4" fmla="*/ 0 w 171051"/>
                      <a:gd name="connsiteY4" fmla="*/ 87459 h 174917"/>
                      <a:gd name="connsiteX5" fmla="*/ 88182 w 171051"/>
                      <a:gd name="connsiteY5" fmla="*/ 0 h 174917"/>
                      <a:gd name="connsiteX6" fmla="*/ 171052 w 171051"/>
                      <a:gd name="connsiteY6" fmla="*/ 63057 h 174917"/>
                      <a:gd name="connsiteX7" fmla="*/ 134087 w 171051"/>
                      <a:gd name="connsiteY7" fmla="*/ 63057 h 174917"/>
                      <a:gd name="connsiteX8" fmla="*/ 88182 w 171051"/>
                      <a:gd name="connsiteY8" fmla="*/ 30925 h 174917"/>
                      <a:gd name="connsiteX9" fmla="*/ 35032 w 171051"/>
                      <a:gd name="connsiteY9" fmla="*/ 87459 h 174917"/>
                      <a:gd name="connsiteX10" fmla="*/ 88182 w 171051"/>
                      <a:gd name="connsiteY10" fmla="*/ 143993 h 1749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l="l" t="t" r="r" b="b"/>
                    <a:pathLst>
                      <a:path w="171051" h="174917">
                        <a:moveTo>
                          <a:pt x="88182" y="143993"/>
                        </a:moveTo>
                        <a:cubicBezTo>
                          <a:pt x="110652" y="143993"/>
                          <a:pt x="127806" y="131912"/>
                          <a:pt x="134087" y="111861"/>
                        </a:cubicBezTo>
                        <a:lnTo>
                          <a:pt x="171052" y="111861"/>
                        </a:lnTo>
                        <a:cubicBezTo>
                          <a:pt x="161147" y="151723"/>
                          <a:pt x="126357" y="174918"/>
                          <a:pt x="88182" y="174918"/>
                        </a:cubicBezTo>
                        <a:cubicBezTo>
                          <a:pt x="38413" y="174918"/>
                          <a:pt x="0" y="138436"/>
                          <a:pt x="0" y="87459"/>
                        </a:cubicBezTo>
                        <a:cubicBezTo>
                          <a:pt x="0" y="36482"/>
                          <a:pt x="38413" y="0"/>
                          <a:pt x="88182" y="0"/>
                        </a:cubicBezTo>
                        <a:cubicBezTo>
                          <a:pt x="126357" y="0"/>
                          <a:pt x="161147" y="23193"/>
                          <a:pt x="171052" y="63057"/>
                        </a:cubicBezTo>
                        <a:lnTo>
                          <a:pt x="134087" y="63057"/>
                        </a:lnTo>
                        <a:cubicBezTo>
                          <a:pt x="127806" y="43004"/>
                          <a:pt x="110652" y="30925"/>
                          <a:pt x="88182" y="30925"/>
                        </a:cubicBezTo>
                        <a:cubicBezTo>
                          <a:pt x="56293" y="30925"/>
                          <a:pt x="35032" y="55085"/>
                          <a:pt x="35032" y="87459"/>
                        </a:cubicBezTo>
                        <a:cubicBezTo>
                          <a:pt x="35032" y="119833"/>
                          <a:pt x="56293" y="143993"/>
                          <a:pt x="88182" y="143993"/>
                        </a:cubicBezTo>
                        <a:close/>
                      </a:path>
                    </a:pathLst>
                  </a:custGeom>
                  <a:solidFill>
                    <a:srgbClr val="000000"/>
                  </a:solidFill>
                  <a:ln w="865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167" name="Freeform: Shape 166">
                    <a:extLst>
                      <a:ext uri="{FF2B5EF4-FFF2-40B4-BE49-F238E27FC236}">
                        <a16:creationId xmlns:a16="http://schemas.microsoft.com/office/drawing/2014/main" id="{2B8EAE3E-EFB5-D56D-0180-ADE16EAED3BC}"/>
                      </a:ext>
                    </a:extLst>
                  </p:cNvPr>
                  <p:cNvSpPr/>
                  <p:nvPr/>
                </p:nvSpPr>
                <p:spPr>
                  <a:xfrm>
                    <a:off x="7436976" y="3641183"/>
                    <a:ext cx="31164" cy="169119"/>
                  </a:xfrm>
                  <a:custGeom>
                    <a:avLst/>
                    <a:gdLst>
                      <a:gd name="connsiteX0" fmla="*/ 31165 w 31164"/>
                      <a:gd name="connsiteY0" fmla="*/ 169120 h 169119"/>
                      <a:gd name="connsiteX1" fmla="*/ 0 w 31164"/>
                      <a:gd name="connsiteY1" fmla="*/ 169120 h 169119"/>
                      <a:gd name="connsiteX2" fmla="*/ 0 w 31164"/>
                      <a:gd name="connsiteY2" fmla="*/ 0 h 169119"/>
                      <a:gd name="connsiteX3" fmla="*/ 31165 w 31164"/>
                      <a:gd name="connsiteY3" fmla="*/ 0 h 169119"/>
                      <a:gd name="connsiteX4" fmla="*/ 31165 w 31164"/>
                      <a:gd name="connsiteY4" fmla="*/ 169120 h 169119"/>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1164" h="169119">
                        <a:moveTo>
                          <a:pt x="31165" y="169120"/>
                        </a:moveTo>
                        <a:lnTo>
                          <a:pt x="0" y="169120"/>
                        </a:lnTo>
                        <a:lnTo>
                          <a:pt x="0" y="0"/>
                        </a:lnTo>
                        <a:lnTo>
                          <a:pt x="31165" y="0"/>
                        </a:lnTo>
                        <a:lnTo>
                          <a:pt x="31165" y="169120"/>
                        </a:lnTo>
                        <a:close/>
                      </a:path>
                    </a:pathLst>
                  </a:custGeom>
                  <a:solidFill>
                    <a:srgbClr val="000000"/>
                  </a:solidFill>
                  <a:ln w="865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168" name="Freeform: Shape 167">
                    <a:extLst>
                      <a:ext uri="{FF2B5EF4-FFF2-40B4-BE49-F238E27FC236}">
                        <a16:creationId xmlns:a16="http://schemas.microsoft.com/office/drawing/2014/main" id="{A0A8A273-6E74-5B07-587B-584D2D7E1CDD}"/>
                      </a:ext>
                    </a:extLst>
                  </p:cNvPr>
                  <p:cNvSpPr/>
                  <p:nvPr/>
                </p:nvSpPr>
                <p:spPr>
                  <a:xfrm>
                    <a:off x="7485056" y="3696751"/>
                    <a:ext cx="100989" cy="116450"/>
                  </a:xfrm>
                  <a:custGeom>
                    <a:avLst/>
                    <a:gdLst>
                      <a:gd name="connsiteX0" fmla="*/ 69580 w 100989"/>
                      <a:gd name="connsiteY0" fmla="*/ 39864 h 116450"/>
                      <a:gd name="connsiteX1" fmla="*/ 51219 w 100989"/>
                      <a:gd name="connsiteY1" fmla="*/ 26817 h 116450"/>
                      <a:gd name="connsiteX2" fmla="*/ 17878 w 100989"/>
                      <a:gd name="connsiteY2" fmla="*/ 37206 h 116450"/>
                      <a:gd name="connsiteX3" fmla="*/ 5556 w 100989"/>
                      <a:gd name="connsiteY3" fmla="*/ 13530 h 116450"/>
                      <a:gd name="connsiteX4" fmla="*/ 52910 w 100989"/>
                      <a:gd name="connsiteY4" fmla="*/ 0 h 116450"/>
                      <a:gd name="connsiteX5" fmla="*/ 100989 w 100989"/>
                      <a:gd name="connsiteY5" fmla="*/ 40830 h 116450"/>
                      <a:gd name="connsiteX6" fmla="*/ 100989 w 100989"/>
                      <a:gd name="connsiteY6" fmla="*/ 113552 h 116450"/>
                      <a:gd name="connsiteX7" fmla="*/ 69580 w 100989"/>
                      <a:gd name="connsiteY7" fmla="*/ 113552 h 116450"/>
                      <a:gd name="connsiteX8" fmla="*/ 69580 w 100989"/>
                      <a:gd name="connsiteY8" fmla="*/ 103162 h 116450"/>
                      <a:gd name="connsiteX9" fmla="*/ 38655 w 100989"/>
                      <a:gd name="connsiteY9" fmla="*/ 116451 h 116450"/>
                      <a:gd name="connsiteX10" fmla="*/ 0 w 100989"/>
                      <a:gd name="connsiteY10" fmla="*/ 81660 h 116450"/>
                      <a:gd name="connsiteX11" fmla="*/ 40105 w 100989"/>
                      <a:gd name="connsiteY11" fmla="*/ 47595 h 116450"/>
                      <a:gd name="connsiteX12" fmla="*/ 61849 w 100989"/>
                      <a:gd name="connsiteY12" fmla="*/ 47595 h 116450"/>
                      <a:gd name="connsiteX13" fmla="*/ 69580 w 100989"/>
                      <a:gd name="connsiteY13" fmla="*/ 41072 h 116450"/>
                      <a:gd name="connsiteX14" fmla="*/ 69580 w 100989"/>
                      <a:gd name="connsiteY14" fmla="*/ 39864 h 116450"/>
                      <a:gd name="connsiteX15" fmla="*/ 69580 w 100989"/>
                      <a:gd name="connsiteY15" fmla="*/ 73929 h 116450"/>
                      <a:gd name="connsiteX16" fmla="*/ 69580 w 100989"/>
                      <a:gd name="connsiteY16" fmla="*/ 65957 h 116450"/>
                      <a:gd name="connsiteX17" fmla="*/ 59916 w 100989"/>
                      <a:gd name="connsiteY17" fmla="*/ 68372 h 116450"/>
                      <a:gd name="connsiteX18" fmla="*/ 48078 w 100989"/>
                      <a:gd name="connsiteY18" fmla="*/ 68372 h 116450"/>
                      <a:gd name="connsiteX19" fmla="*/ 32375 w 100989"/>
                      <a:gd name="connsiteY19" fmla="*/ 80452 h 116450"/>
                      <a:gd name="connsiteX20" fmla="*/ 48078 w 100989"/>
                      <a:gd name="connsiteY20" fmla="*/ 93499 h 116450"/>
                      <a:gd name="connsiteX21" fmla="*/ 69580 w 100989"/>
                      <a:gd name="connsiteY21" fmla="*/ 73929 h 11645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Lst>
                    <a:rect l="l" t="t" r="r" b="b"/>
                    <a:pathLst>
                      <a:path w="100989" h="116450">
                        <a:moveTo>
                          <a:pt x="69580" y="39864"/>
                        </a:moveTo>
                        <a:cubicBezTo>
                          <a:pt x="69580" y="31891"/>
                          <a:pt x="63300" y="26817"/>
                          <a:pt x="51219" y="26817"/>
                        </a:cubicBezTo>
                        <a:cubicBezTo>
                          <a:pt x="40105" y="26817"/>
                          <a:pt x="26092" y="32374"/>
                          <a:pt x="17878" y="37206"/>
                        </a:cubicBezTo>
                        <a:lnTo>
                          <a:pt x="5556" y="13530"/>
                        </a:lnTo>
                        <a:cubicBezTo>
                          <a:pt x="5556" y="13530"/>
                          <a:pt x="26092" y="0"/>
                          <a:pt x="52910" y="0"/>
                        </a:cubicBezTo>
                        <a:cubicBezTo>
                          <a:pt x="78037" y="0"/>
                          <a:pt x="100989" y="11596"/>
                          <a:pt x="100989" y="40830"/>
                        </a:cubicBezTo>
                        <a:lnTo>
                          <a:pt x="100989" y="113552"/>
                        </a:lnTo>
                        <a:lnTo>
                          <a:pt x="69580" y="113552"/>
                        </a:lnTo>
                        <a:lnTo>
                          <a:pt x="69580" y="103162"/>
                        </a:lnTo>
                        <a:cubicBezTo>
                          <a:pt x="63782" y="111861"/>
                          <a:pt x="51219" y="116451"/>
                          <a:pt x="38655" y="116451"/>
                        </a:cubicBezTo>
                        <a:cubicBezTo>
                          <a:pt x="15220" y="116451"/>
                          <a:pt x="0" y="99780"/>
                          <a:pt x="0" y="81660"/>
                        </a:cubicBezTo>
                        <a:cubicBezTo>
                          <a:pt x="0" y="60641"/>
                          <a:pt x="15461" y="47595"/>
                          <a:pt x="40105" y="47595"/>
                        </a:cubicBezTo>
                        <a:lnTo>
                          <a:pt x="61849" y="47595"/>
                        </a:lnTo>
                        <a:cubicBezTo>
                          <a:pt x="67164" y="47595"/>
                          <a:pt x="69580" y="45179"/>
                          <a:pt x="69580" y="41072"/>
                        </a:cubicBezTo>
                        <a:lnTo>
                          <a:pt x="69580" y="39864"/>
                        </a:lnTo>
                        <a:close/>
                        <a:moveTo>
                          <a:pt x="69580" y="73929"/>
                        </a:moveTo>
                        <a:lnTo>
                          <a:pt x="69580" y="65957"/>
                        </a:lnTo>
                        <a:cubicBezTo>
                          <a:pt x="67647" y="67890"/>
                          <a:pt x="64265" y="68372"/>
                          <a:pt x="59916" y="68372"/>
                        </a:cubicBezTo>
                        <a:lnTo>
                          <a:pt x="48078" y="68372"/>
                        </a:lnTo>
                        <a:cubicBezTo>
                          <a:pt x="38173" y="68372"/>
                          <a:pt x="32375" y="72721"/>
                          <a:pt x="32375" y="80452"/>
                        </a:cubicBezTo>
                        <a:cubicBezTo>
                          <a:pt x="32375" y="87942"/>
                          <a:pt x="38413" y="93499"/>
                          <a:pt x="48078" y="93499"/>
                        </a:cubicBezTo>
                        <a:cubicBezTo>
                          <a:pt x="59433" y="93499"/>
                          <a:pt x="69580" y="87701"/>
                          <a:pt x="69580" y="73929"/>
                        </a:cubicBezTo>
                        <a:close/>
                      </a:path>
                    </a:pathLst>
                  </a:custGeom>
                  <a:solidFill>
                    <a:srgbClr val="000000"/>
                  </a:solidFill>
                  <a:ln w="865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169" name="Freeform: Shape 168">
                    <a:extLst>
                      <a:ext uri="{FF2B5EF4-FFF2-40B4-BE49-F238E27FC236}">
                        <a16:creationId xmlns:a16="http://schemas.microsoft.com/office/drawing/2014/main" id="{01B47EDF-CED5-FF16-BC1F-4A95B1058250}"/>
                      </a:ext>
                    </a:extLst>
                  </p:cNvPr>
                  <p:cNvSpPr/>
                  <p:nvPr/>
                </p:nvSpPr>
                <p:spPr>
                  <a:xfrm>
                    <a:off x="7604651" y="3698200"/>
                    <a:ext cx="67890" cy="112102"/>
                  </a:xfrm>
                  <a:custGeom>
                    <a:avLst/>
                    <a:gdLst>
                      <a:gd name="connsiteX0" fmla="*/ 67891 w 67890"/>
                      <a:gd name="connsiteY0" fmla="*/ 32375 h 112102"/>
                      <a:gd name="connsiteX1" fmla="*/ 54603 w 67890"/>
                      <a:gd name="connsiteY1" fmla="*/ 32375 h 112102"/>
                      <a:gd name="connsiteX2" fmla="*/ 31409 w 67890"/>
                      <a:gd name="connsiteY2" fmla="*/ 59192 h 112102"/>
                      <a:gd name="connsiteX3" fmla="*/ 31409 w 67890"/>
                      <a:gd name="connsiteY3" fmla="*/ 112102 h 112102"/>
                      <a:gd name="connsiteX4" fmla="*/ 0 w 67890"/>
                      <a:gd name="connsiteY4" fmla="*/ 112102 h 112102"/>
                      <a:gd name="connsiteX5" fmla="*/ 0 w 67890"/>
                      <a:gd name="connsiteY5" fmla="*/ 1450 h 112102"/>
                      <a:gd name="connsiteX6" fmla="*/ 30442 w 67890"/>
                      <a:gd name="connsiteY6" fmla="*/ 1450 h 112102"/>
                      <a:gd name="connsiteX7" fmla="*/ 30442 w 67890"/>
                      <a:gd name="connsiteY7" fmla="*/ 19086 h 112102"/>
                      <a:gd name="connsiteX8" fmla="*/ 59192 w 67890"/>
                      <a:gd name="connsiteY8" fmla="*/ 0 h 112102"/>
                      <a:gd name="connsiteX9" fmla="*/ 67891 w 67890"/>
                      <a:gd name="connsiteY9" fmla="*/ 966 h 112102"/>
                      <a:gd name="connsiteX10" fmla="*/ 67891 w 67890"/>
                      <a:gd name="connsiteY10" fmla="*/ 32375 h 11210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l="l" t="t" r="r" b="b"/>
                    <a:pathLst>
                      <a:path w="67890" h="112102">
                        <a:moveTo>
                          <a:pt x="67891" y="32375"/>
                        </a:moveTo>
                        <a:lnTo>
                          <a:pt x="54603" y="32375"/>
                        </a:lnTo>
                        <a:cubicBezTo>
                          <a:pt x="38657" y="32375"/>
                          <a:pt x="31409" y="39864"/>
                          <a:pt x="31409" y="59192"/>
                        </a:cubicBezTo>
                        <a:lnTo>
                          <a:pt x="31409" y="112102"/>
                        </a:lnTo>
                        <a:lnTo>
                          <a:pt x="0" y="112102"/>
                        </a:lnTo>
                        <a:lnTo>
                          <a:pt x="0" y="1450"/>
                        </a:lnTo>
                        <a:lnTo>
                          <a:pt x="30442" y="1450"/>
                        </a:lnTo>
                        <a:lnTo>
                          <a:pt x="30442" y="19086"/>
                        </a:lnTo>
                        <a:cubicBezTo>
                          <a:pt x="34791" y="7248"/>
                          <a:pt x="45421" y="0"/>
                          <a:pt x="59192" y="0"/>
                        </a:cubicBezTo>
                        <a:cubicBezTo>
                          <a:pt x="62092" y="0"/>
                          <a:pt x="64991" y="242"/>
                          <a:pt x="67891" y="966"/>
                        </a:cubicBezTo>
                        <a:lnTo>
                          <a:pt x="67891" y="32375"/>
                        </a:lnTo>
                        <a:close/>
                      </a:path>
                    </a:pathLst>
                  </a:custGeom>
                  <a:solidFill>
                    <a:srgbClr val="000000"/>
                  </a:solidFill>
                  <a:ln w="865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170" name="Freeform: Shape 169">
                    <a:extLst>
                      <a:ext uri="{FF2B5EF4-FFF2-40B4-BE49-F238E27FC236}">
                        <a16:creationId xmlns:a16="http://schemas.microsoft.com/office/drawing/2014/main" id="{4CEB3E88-9764-74E4-2B84-59FC52C6724D}"/>
                      </a:ext>
                    </a:extLst>
                  </p:cNvPr>
                  <p:cNvSpPr/>
                  <p:nvPr/>
                </p:nvSpPr>
                <p:spPr>
                  <a:xfrm>
                    <a:off x="7687282" y="3641183"/>
                    <a:ext cx="50009" cy="169119"/>
                  </a:xfrm>
                  <a:custGeom>
                    <a:avLst/>
                    <a:gdLst>
                      <a:gd name="connsiteX0" fmla="*/ 46869 w 50009"/>
                      <a:gd name="connsiteY0" fmla="*/ 169120 h 169119"/>
                      <a:gd name="connsiteX1" fmla="*/ 15462 w 50009"/>
                      <a:gd name="connsiteY1" fmla="*/ 169120 h 169119"/>
                      <a:gd name="connsiteX2" fmla="*/ 15462 w 50009"/>
                      <a:gd name="connsiteY2" fmla="*/ 85042 h 169119"/>
                      <a:gd name="connsiteX3" fmla="*/ 0 w 50009"/>
                      <a:gd name="connsiteY3" fmla="*/ 85042 h 169119"/>
                      <a:gd name="connsiteX4" fmla="*/ 0 w 50009"/>
                      <a:gd name="connsiteY4" fmla="*/ 58467 h 169119"/>
                      <a:gd name="connsiteX5" fmla="*/ 46869 w 50009"/>
                      <a:gd name="connsiteY5" fmla="*/ 58467 h 169119"/>
                      <a:gd name="connsiteX6" fmla="*/ 46869 w 50009"/>
                      <a:gd name="connsiteY6" fmla="*/ 169120 h 169119"/>
                      <a:gd name="connsiteX7" fmla="*/ 29715 w 50009"/>
                      <a:gd name="connsiteY7" fmla="*/ 0 h 169119"/>
                      <a:gd name="connsiteX8" fmla="*/ 50010 w 50009"/>
                      <a:gd name="connsiteY8" fmla="*/ 20294 h 169119"/>
                      <a:gd name="connsiteX9" fmla="*/ 29715 w 50009"/>
                      <a:gd name="connsiteY9" fmla="*/ 40347 h 169119"/>
                      <a:gd name="connsiteX10" fmla="*/ 9663 w 50009"/>
                      <a:gd name="connsiteY10" fmla="*/ 20294 h 169119"/>
                      <a:gd name="connsiteX11" fmla="*/ 29715 w 50009"/>
                      <a:gd name="connsiteY11" fmla="*/ 0 h 16911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Lst>
                    <a:rect l="l" t="t" r="r" b="b"/>
                    <a:pathLst>
                      <a:path w="50009" h="169119">
                        <a:moveTo>
                          <a:pt x="46869" y="169120"/>
                        </a:moveTo>
                        <a:lnTo>
                          <a:pt x="15462" y="169120"/>
                        </a:lnTo>
                        <a:lnTo>
                          <a:pt x="15462" y="85042"/>
                        </a:lnTo>
                        <a:lnTo>
                          <a:pt x="0" y="85042"/>
                        </a:lnTo>
                        <a:lnTo>
                          <a:pt x="0" y="58467"/>
                        </a:lnTo>
                        <a:lnTo>
                          <a:pt x="46869" y="58467"/>
                        </a:lnTo>
                        <a:lnTo>
                          <a:pt x="46869" y="169120"/>
                        </a:lnTo>
                        <a:close/>
                        <a:moveTo>
                          <a:pt x="29715" y="0"/>
                        </a:moveTo>
                        <a:cubicBezTo>
                          <a:pt x="41072" y="0"/>
                          <a:pt x="50010" y="9181"/>
                          <a:pt x="50010" y="20294"/>
                        </a:cubicBezTo>
                        <a:cubicBezTo>
                          <a:pt x="50010" y="31650"/>
                          <a:pt x="41072" y="40347"/>
                          <a:pt x="29715" y="40347"/>
                        </a:cubicBezTo>
                        <a:cubicBezTo>
                          <a:pt x="18602" y="40347"/>
                          <a:pt x="9663" y="31650"/>
                          <a:pt x="9663" y="20294"/>
                        </a:cubicBezTo>
                        <a:cubicBezTo>
                          <a:pt x="9663" y="9181"/>
                          <a:pt x="18602" y="0"/>
                          <a:pt x="29715" y="0"/>
                        </a:cubicBezTo>
                        <a:close/>
                      </a:path>
                    </a:pathLst>
                  </a:custGeom>
                  <a:solidFill>
                    <a:srgbClr val="000000"/>
                  </a:solidFill>
                  <a:ln w="865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171" name="Freeform: Shape 170">
                    <a:extLst>
                      <a:ext uri="{FF2B5EF4-FFF2-40B4-BE49-F238E27FC236}">
                        <a16:creationId xmlns:a16="http://schemas.microsoft.com/office/drawing/2014/main" id="{2AE9CA4F-AFC8-ADB7-CC95-A9A9801E9AE7}"/>
                      </a:ext>
                    </a:extLst>
                  </p:cNvPr>
                  <p:cNvSpPr/>
                  <p:nvPr/>
                </p:nvSpPr>
                <p:spPr>
                  <a:xfrm>
                    <a:off x="7746959" y="3699650"/>
                    <a:ext cx="115966" cy="110652"/>
                  </a:xfrm>
                  <a:custGeom>
                    <a:avLst/>
                    <a:gdLst>
                      <a:gd name="connsiteX0" fmla="*/ 57742 w 115966"/>
                      <a:gd name="connsiteY0" fmla="*/ 76829 h 110652"/>
                      <a:gd name="connsiteX1" fmla="*/ 82868 w 115966"/>
                      <a:gd name="connsiteY1" fmla="*/ 0 h 110652"/>
                      <a:gd name="connsiteX2" fmla="*/ 115967 w 115966"/>
                      <a:gd name="connsiteY2" fmla="*/ 0 h 110652"/>
                      <a:gd name="connsiteX3" fmla="*/ 76587 w 115966"/>
                      <a:gd name="connsiteY3" fmla="*/ 110653 h 110652"/>
                      <a:gd name="connsiteX4" fmla="*/ 37690 w 115966"/>
                      <a:gd name="connsiteY4" fmla="*/ 110653 h 110652"/>
                      <a:gd name="connsiteX5" fmla="*/ 0 w 115966"/>
                      <a:gd name="connsiteY5" fmla="*/ 0 h 110652"/>
                      <a:gd name="connsiteX6" fmla="*/ 34065 w 115966"/>
                      <a:gd name="connsiteY6" fmla="*/ 0 h 110652"/>
                      <a:gd name="connsiteX7" fmla="*/ 57742 w 115966"/>
                      <a:gd name="connsiteY7" fmla="*/ 76829 h 11065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15966" h="110652">
                        <a:moveTo>
                          <a:pt x="57742" y="76829"/>
                        </a:moveTo>
                        <a:lnTo>
                          <a:pt x="82868" y="0"/>
                        </a:lnTo>
                        <a:lnTo>
                          <a:pt x="115967" y="0"/>
                        </a:lnTo>
                        <a:lnTo>
                          <a:pt x="76587" y="110653"/>
                        </a:lnTo>
                        <a:lnTo>
                          <a:pt x="37690" y="110653"/>
                        </a:lnTo>
                        <a:lnTo>
                          <a:pt x="0" y="0"/>
                        </a:lnTo>
                        <a:lnTo>
                          <a:pt x="34065" y="0"/>
                        </a:lnTo>
                        <a:lnTo>
                          <a:pt x="57742" y="76829"/>
                        </a:lnTo>
                        <a:close/>
                      </a:path>
                    </a:pathLst>
                  </a:custGeom>
                  <a:solidFill>
                    <a:srgbClr val="000000"/>
                  </a:solidFill>
                  <a:ln w="865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172" name="Freeform: Shape 171">
                    <a:extLst>
                      <a:ext uri="{FF2B5EF4-FFF2-40B4-BE49-F238E27FC236}">
                        <a16:creationId xmlns:a16="http://schemas.microsoft.com/office/drawing/2014/main" id="{65300D4B-C5F0-88EA-D4B4-02FD1E6374B7}"/>
                      </a:ext>
                    </a:extLst>
                  </p:cNvPr>
                  <p:cNvSpPr/>
                  <p:nvPr/>
                </p:nvSpPr>
                <p:spPr>
                  <a:xfrm>
                    <a:off x="7864379" y="3696751"/>
                    <a:ext cx="100985" cy="116450"/>
                  </a:xfrm>
                  <a:custGeom>
                    <a:avLst/>
                    <a:gdLst>
                      <a:gd name="connsiteX0" fmla="*/ 69579 w 100985"/>
                      <a:gd name="connsiteY0" fmla="*/ 39864 h 116450"/>
                      <a:gd name="connsiteX1" fmla="*/ 51222 w 100985"/>
                      <a:gd name="connsiteY1" fmla="*/ 26817 h 116450"/>
                      <a:gd name="connsiteX2" fmla="*/ 17876 w 100985"/>
                      <a:gd name="connsiteY2" fmla="*/ 37206 h 116450"/>
                      <a:gd name="connsiteX3" fmla="*/ 5554 w 100985"/>
                      <a:gd name="connsiteY3" fmla="*/ 13530 h 116450"/>
                      <a:gd name="connsiteX4" fmla="*/ 52911 w 100985"/>
                      <a:gd name="connsiteY4" fmla="*/ 0 h 116450"/>
                      <a:gd name="connsiteX5" fmla="*/ 100986 w 100985"/>
                      <a:gd name="connsiteY5" fmla="*/ 40830 h 116450"/>
                      <a:gd name="connsiteX6" fmla="*/ 100986 w 100985"/>
                      <a:gd name="connsiteY6" fmla="*/ 113552 h 116450"/>
                      <a:gd name="connsiteX7" fmla="*/ 69579 w 100985"/>
                      <a:gd name="connsiteY7" fmla="*/ 113552 h 116450"/>
                      <a:gd name="connsiteX8" fmla="*/ 69579 w 100985"/>
                      <a:gd name="connsiteY8" fmla="*/ 103162 h 116450"/>
                      <a:gd name="connsiteX9" fmla="*/ 38658 w 100985"/>
                      <a:gd name="connsiteY9" fmla="*/ 116451 h 116450"/>
                      <a:gd name="connsiteX10" fmla="*/ 0 w 100985"/>
                      <a:gd name="connsiteY10" fmla="*/ 81660 h 116450"/>
                      <a:gd name="connsiteX11" fmla="*/ 40104 w 100985"/>
                      <a:gd name="connsiteY11" fmla="*/ 47595 h 116450"/>
                      <a:gd name="connsiteX12" fmla="*/ 61847 w 100985"/>
                      <a:gd name="connsiteY12" fmla="*/ 47595 h 116450"/>
                      <a:gd name="connsiteX13" fmla="*/ 69579 w 100985"/>
                      <a:gd name="connsiteY13" fmla="*/ 41072 h 116450"/>
                      <a:gd name="connsiteX14" fmla="*/ 69579 w 100985"/>
                      <a:gd name="connsiteY14" fmla="*/ 39864 h 116450"/>
                      <a:gd name="connsiteX15" fmla="*/ 69579 w 100985"/>
                      <a:gd name="connsiteY15" fmla="*/ 73929 h 116450"/>
                      <a:gd name="connsiteX16" fmla="*/ 69579 w 100985"/>
                      <a:gd name="connsiteY16" fmla="*/ 65957 h 116450"/>
                      <a:gd name="connsiteX17" fmla="*/ 59916 w 100985"/>
                      <a:gd name="connsiteY17" fmla="*/ 68372 h 116450"/>
                      <a:gd name="connsiteX18" fmla="*/ 48079 w 100985"/>
                      <a:gd name="connsiteY18" fmla="*/ 68372 h 116450"/>
                      <a:gd name="connsiteX19" fmla="*/ 32371 w 100985"/>
                      <a:gd name="connsiteY19" fmla="*/ 80452 h 116450"/>
                      <a:gd name="connsiteX20" fmla="*/ 48079 w 100985"/>
                      <a:gd name="connsiteY20" fmla="*/ 93499 h 116450"/>
                      <a:gd name="connsiteX21" fmla="*/ 69579 w 100985"/>
                      <a:gd name="connsiteY21" fmla="*/ 73929 h 11645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Lst>
                    <a:rect l="l" t="t" r="r" b="b"/>
                    <a:pathLst>
                      <a:path w="100985" h="116450">
                        <a:moveTo>
                          <a:pt x="69579" y="39864"/>
                        </a:moveTo>
                        <a:cubicBezTo>
                          <a:pt x="69579" y="31891"/>
                          <a:pt x="63301" y="26817"/>
                          <a:pt x="51222" y="26817"/>
                        </a:cubicBezTo>
                        <a:cubicBezTo>
                          <a:pt x="40104" y="26817"/>
                          <a:pt x="26093" y="32374"/>
                          <a:pt x="17876" y="37206"/>
                        </a:cubicBezTo>
                        <a:lnTo>
                          <a:pt x="5554" y="13530"/>
                        </a:lnTo>
                        <a:cubicBezTo>
                          <a:pt x="5554" y="13530"/>
                          <a:pt x="26093" y="0"/>
                          <a:pt x="52911" y="0"/>
                        </a:cubicBezTo>
                        <a:cubicBezTo>
                          <a:pt x="78039" y="0"/>
                          <a:pt x="100986" y="11596"/>
                          <a:pt x="100986" y="40830"/>
                        </a:cubicBezTo>
                        <a:lnTo>
                          <a:pt x="100986" y="113552"/>
                        </a:lnTo>
                        <a:lnTo>
                          <a:pt x="69579" y="113552"/>
                        </a:lnTo>
                        <a:lnTo>
                          <a:pt x="69579" y="103162"/>
                        </a:lnTo>
                        <a:cubicBezTo>
                          <a:pt x="63778" y="111861"/>
                          <a:pt x="51222" y="116451"/>
                          <a:pt x="38658" y="116451"/>
                        </a:cubicBezTo>
                        <a:cubicBezTo>
                          <a:pt x="15217" y="116451"/>
                          <a:pt x="0" y="99780"/>
                          <a:pt x="0" y="81660"/>
                        </a:cubicBezTo>
                        <a:cubicBezTo>
                          <a:pt x="0" y="60641"/>
                          <a:pt x="15460" y="47595"/>
                          <a:pt x="40104" y="47595"/>
                        </a:cubicBezTo>
                        <a:lnTo>
                          <a:pt x="61847" y="47595"/>
                        </a:lnTo>
                        <a:cubicBezTo>
                          <a:pt x="67163" y="47595"/>
                          <a:pt x="69579" y="45179"/>
                          <a:pt x="69579" y="41072"/>
                        </a:cubicBezTo>
                        <a:lnTo>
                          <a:pt x="69579" y="39864"/>
                        </a:lnTo>
                        <a:close/>
                        <a:moveTo>
                          <a:pt x="69579" y="73929"/>
                        </a:moveTo>
                        <a:lnTo>
                          <a:pt x="69579" y="65957"/>
                        </a:lnTo>
                        <a:cubicBezTo>
                          <a:pt x="67648" y="67890"/>
                          <a:pt x="64263" y="68372"/>
                          <a:pt x="59916" y="68372"/>
                        </a:cubicBezTo>
                        <a:lnTo>
                          <a:pt x="48079" y="68372"/>
                        </a:lnTo>
                        <a:cubicBezTo>
                          <a:pt x="38173" y="68372"/>
                          <a:pt x="32371" y="72721"/>
                          <a:pt x="32371" y="80452"/>
                        </a:cubicBezTo>
                        <a:cubicBezTo>
                          <a:pt x="32371" y="87942"/>
                          <a:pt x="38415" y="93499"/>
                          <a:pt x="48079" y="93499"/>
                        </a:cubicBezTo>
                        <a:cubicBezTo>
                          <a:pt x="59431" y="93499"/>
                          <a:pt x="69579" y="87701"/>
                          <a:pt x="69579" y="73929"/>
                        </a:cubicBezTo>
                        <a:close/>
                      </a:path>
                    </a:pathLst>
                  </a:custGeom>
                  <a:solidFill>
                    <a:srgbClr val="000000"/>
                  </a:solidFill>
                  <a:ln w="865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173" name="Freeform: Shape 172">
                    <a:extLst>
                      <a:ext uri="{FF2B5EF4-FFF2-40B4-BE49-F238E27FC236}">
                        <a16:creationId xmlns:a16="http://schemas.microsoft.com/office/drawing/2014/main" id="{4AA365BD-4D49-0247-F781-903A816AA3A4}"/>
                      </a:ext>
                    </a:extLst>
                  </p:cNvPr>
                  <p:cNvSpPr/>
                  <p:nvPr/>
                </p:nvSpPr>
                <p:spPr>
                  <a:xfrm>
                    <a:off x="7977211" y="3657612"/>
                    <a:ext cx="73688" cy="154140"/>
                  </a:xfrm>
                  <a:custGeom>
                    <a:avLst/>
                    <a:gdLst>
                      <a:gd name="connsiteX0" fmla="*/ 48803 w 73688"/>
                      <a:gd name="connsiteY0" fmla="*/ 0 h 154140"/>
                      <a:gd name="connsiteX1" fmla="*/ 48803 w 73688"/>
                      <a:gd name="connsiteY1" fmla="*/ 42038 h 154140"/>
                      <a:gd name="connsiteX2" fmla="*/ 72719 w 73688"/>
                      <a:gd name="connsiteY2" fmla="*/ 42038 h 154140"/>
                      <a:gd name="connsiteX3" fmla="*/ 72719 w 73688"/>
                      <a:gd name="connsiteY3" fmla="*/ 68614 h 154140"/>
                      <a:gd name="connsiteX4" fmla="*/ 48803 w 73688"/>
                      <a:gd name="connsiteY4" fmla="*/ 68614 h 154140"/>
                      <a:gd name="connsiteX5" fmla="*/ 48803 w 73688"/>
                      <a:gd name="connsiteY5" fmla="*/ 118625 h 154140"/>
                      <a:gd name="connsiteX6" fmla="*/ 59194 w 73688"/>
                      <a:gd name="connsiteY6" fmla="*/ 126598 h 154140"/>
                      <a:gd name="connsiteX7" fmla="*/ 73689 w 73688"/>
                      <a:gd name="connsiteY7" fmla="*/ 125874 h 154140"/>
                      <a:gd name="connsiteX8" fmla="*/ 73689 w 73688"/>
                      <a:gd name="connsiteY8" fmla="*/ 152691 h 154140"/>
                      <a:gd name="connsiteX9" fmla="*/ 49288 w 73688"/>
                      <a:gd name="connsiteY9" fmla="*/ 154140 h 154140"/>
                      <a:gd name="connsiteX10" fmla="*/ 17396 w 73688"/>
                      <a:gd name="connsiteY10" fmla="*/ 129256 h 154140"/>
                      <a:gd name="connsiteX11" fmla="*/ 17396 w 73688"/>
                      <a:gd name="connsiteY11" fmla="*/ 68614 h 154140"/>
                      <a:gd name="connsiteX12" fmla="*/ 0 w 73688"/>
                      <a:gd name="connsiteY12" fmla="*/ 68614 h 154140"/>
                      <a:gd name="connsiteX13" fmla="*/ 0 w 73688"/>
                      <a:gd name="connsiteY13" fmla="*/ 42038 h 154140"/>
                      <a:gd name="connsiteX14" fmla="*/ 17396 w 73688"/>
                      <a:gd name="connsiteY14" fmla="*/ 42038 h 154140"/>
                      <a:gd name="connsiteX15" fmla="*/ 17396 w 73688"/>
                      <a:gd name="connsiteY15" fmla="*/ 0 h 154140"/>
                      <a:gd name="connsiteX16" fmla="*/ 48803 w 73688"/>
                      <a:gd name="connsiteY16" fmla="*/ 0 h 15414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l="l" t="t" r="r" b="b"/>
                    <a:pathLst>
                      <a:path w="73688" h="154140">
                        <a:moveTo>
                          <a:pt x="48803" y="0"/>
                        </a:moveTo>
                        <a:lnTo>
                          <a:pt x="48803" y="42038"/>
                        </a:lnTo>
                        <a:lnTo>
                          <a:pt x="72719" y="42038"/>
                        </a:lnTo>
                        <a:lnTo>
                          <a:pt x="72719" y="68614"/>
                        </a:lnTo>
                        <a:lnTo>
                          <a:pt x="48803" y="68614"/>
                        </a:lnTo>
                        <a:lnTo>
                          <a:pt x="48803" y="118625"/>
                        </a:lnTo>
                        <a:cubicBezTo>
                          <a:pt x="48803" y="125632"/>
                          <a:pt x="54362" y="126598"/>
                          <a:pt x="59194" y="126598"/>
                        </a:cubicBezTo>
                        <a:cubicBezTo>
                          <a:pt x="67160" y="126598"/>
                          <a:pt x="73689" y="125874"/>
                          <a:pt x="73689" y="125874"/>
                        </a:cubicBezTo>
                        <a:lnTo>
                          <a:pt x="73689" y="152691"/>
                        </a:lnTo>
                        <a:cubicBezTo>
                          <a:pt x="73689" y="152691"/>
                          <a:pt x="58466" y="154140"/>
                          <a:pt x="49288" y="154140"/>
                        </a:cubicBezTo>
                        <a:cubicBezTo>
                          <a:pt x="33580" y="154140"/>
                          <a:pt x="17396" y="151483"/>
                          <a:pt x="17396" y="129256"/>
                        </a:cubicBezTo>
                        <a:lnTo>
                          <a:pt x="17396" y="68614"/>
                        </a:lnTo>
                        <a:lnTo>
                          <a:pt x="0" y="68614"/>
                        </a:lnTo>
                        <a:lnTo>
                          <a:pt x="0" y="42038"/>
                        </a:lnTo>
                        <a:lnTo>
                          <a:pt x="17396" y="42038"/>
                        </a:lnTo>
                        <a:lnTo>
                          <a:pt x="17396" y="0"/>
                        </a:lnTo>
                        <a:lnTo>
                          <a:pt x="48803" y="0"/>
                        </a:lnTo>
                        <a:close/>
                      </a:path>
                    </a:pathLst>
                  </a:custGeom>
                  <a:solidFill>
                    <a:srgbClr val="000000"/>
                  </a:solidFill>
                  <a:ln w="865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174" name="Freeform: Shape 173">
                    <a:extLst>
                      <a:ext uri="{FF2B5EF4-FFF2-40B4-BE49-F238E27FC236}">
                        <a16:creationId xmlns:a16="http://schemas.microsoft.com/office/drawing/2014/main" id="{31472394-9A02-083D-A01D-84C600F9A8DD}"/>
                      </a:ext>
                    </a:extLst>
                  </p:cNvPr>
                  <p:cNvSpPr/>
                  <p:nvPr/>
                </p:nvSpPr>
                <p:spPr>
                  <a:xfrm>
                    <a:off x="8059844" y="3696751"/>
                    <a:ext cx="115477" cy="116450"/>
                  </a:xfrm>
                  <a:custGeom>
                    <a:avLst/>
                    <a:gdLst>
                      <a:gd name="connsiteX0" fmla="*/ 115478 w 115477"/>
                      <a:gd name="connsiteY0" fmla="*/ 67406 h 116450"/>
                      <a:gd name="connsiteX1" fmla="*/ 33095 w 115477"/>
                      <a:gd name="connsiteY1" fmla="*/ 67406 h 116450"/>
                      <a:gd name="connsiteX2" fmla="*/ 58466 w 115477"/>
                      <a:gd name="connsiteY2" fmla="*/ 89633 h 116450"/>
                      <a:gd name="connsiteX3" fmla="*/ 80694 w 115477"/>
                      <a:gd name="connsiteY3" fmla="*/ 78278 h 116450"/>
                      <a:gd name="connsiteX4" fmla="*/ 113304 w 115477"/>
                      <a:gd name="connsiteY4" fmla="*/ 81660 h 116450"/>
                      <a:gd name="connsiteX5" fmla="*/ 57981 w 115477"/>
                      <a:gd name="connsiteY5" fmla="*/ 116451 h 116450"/>
                      <a:gd name="connsiteX6" fmla="*/ 0 w 115477"/>
                      <a:gd name="connsiteY6" fmla="*/ 58225 h 116450"/>
                      <a:gd name="connsiteX7" fmla="*/ 57496 w 115477"/>
                      <a:gd name="connsiteY7" fmla="*/ 0 h 116450"/>
                      <a:gd name="connsiteX8" fmla="*/ 115478 w 115477"/>
                      <a:gd name="connsiteY8" fmla="*/ 66199 h 116450"/>
                      <a:gd name="connsiteX9" fmla="*/ 115478 w 115477"/>
                      <a:gd name="connsiteY9" fmla="*/ 67406 h 116450"/>
                      <a:gd name="connsiteX10" fmla="*/ 32368 w 115477"/>
                      <a:gd name="connsiteY10" fmla="*/ 46388 h 116450"/>
                      <a:gd name="connsiteX11" fmla="*/ 81898 w 115477"/>
                      <a:gd name="connsiteY11" fmla="*/ 46388 h 116450"/>
                      <a:gd name="connsiteX12" fmla="*/ 57496 w 115477"/>
                      <a:gd name="connsiteY12" fmla="*/ 26092 h 116450"/>
                      <a:gd name="connsiteX13" fmla="*/ 32368 w 115477"/>
                      <a:gd name="connsiteY13" fmla="*/ 46388 h 11645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l="l" t="t" r="r" b="b"/>
                    <a:pathLst>
                      <a:path w="115477" h="116450">
                        <a:moveTo>
                          <a:pt x="115478" y="67406"/>
                        </a:moveTo>
                        <a:lnTo>
                          <a:pt x="33095" y="67406"/>
                        </a:lnTo>
                        <a:cubicBezTo>
                          <a:pt x="34784" y="79728"/>
                          <a:pt x="44447" y="89633"/>
                          <a:pt x="58466" y="89633"/>
                        </a:cubicBezTo>
                        <a:cubicBezTo>
                          <a:pt x="67645" y="89633"/>
                          <a:pt x="76339" y="85768"/>
                          <a:pt x="80694" y="78278"/>
                        </a:cubicBezTo>
                        <a:lnTo>
                          <a:pt x="113304" y="81660"/>
                        </a:lnTo>
                        <a:cubicBezTo>
                          <a:pt x="103398" y="105337"/>
                          <a:pt x="82625" y="116451"/>
                          <a:pt x="57981" y="116451"/>
                        </a:cubicBezTo>
                        <a:cubicBezTo>
                          <a:pt x="24878" y="116451"/>
                          <a:pt x="0" y="92049"/>
                          <a:pt x="0" y="58225"/>
                        </a:cubicBezTo>
                        <a:cubicBezTo>
                          <a:pt x="0" y="24401"/>
                          <a:pt x="24393" y="0"/>
                          <a:pt x="57496" y="0"/>
                        </a:cubicBezTo>
                        <a:cubicBezTo>
                          <a:pt x="87942" y="0"/>
                          <a:pt x="115478" y="19811"/>
                          <a:pt x="115478" y="66199"/>
                        </a:cubicBezTo>
                        <a:lnTo>
                          <a:pt x="115478" y="67406"/>
                        </a:lnTo>
                        <a:close/>
                        <a:moveTo>
                          <a:pt x="32368" y="46388"/>
                        </a:moveTo>
                        <a:lnTo>
                          <a:pt x="81898" y="46388"/>
                        </a:lnTo>
                        <a:cubicBezTo>
                          <a:pt x="80209" y="35274"/>
                          <a:pt x="70788" y="26092"/>
                          <a:pt x="57496" y="26092"/>
                        </a:cubicBezTo>
                        <a:cubicBezTo>
                          <a:pt x="44205" y="26092"/>
                          <a:pt x="34784" y="34549"/>
                          <a:pt x="32368" y="46388"/>
                        </a:cubicBezTo>
                        <a:close/>
                      </a:path>
                    </a:pathLst>
                  </a:custGeom>
                  <a:solidFill>
                    <a:srgbClr val="000000"/>
                  </a:solidFill>
                  <a:ln w="865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grpSp>
            <p:grpSp>
              <p:nvGrpSpPr>
                <p:cNvPr id="163" name="Graphic 8">
                  <a:extLst>
                    <a:ext uri="{FF2B5EF4-FFF2-40B4-BE49-F238E27FC236}">
                      <a16:creationId xmlns:a16="http://schemas.microsoft.com/office/drawing/2014/main" id="{BC284D85-96CC-1758-0E41-71EB90C4AF3F}"/>
                    </a:ext>
                  </a:extLst>
                </p:cNvPr>
                <p:cNvGrpSpPr/>
                <p:nvPr/>
              </p:nvGrpSpPr>
              <p:grpSpPr>
                <a:xfrm>
                  <a:off x="8166602" y="3641334"/>
                  <a:ext cx="62224" cy="30081"/>
                  <a:chOff x="8166602" y="3641334"/>
                  <a:chExt cx="62224" cy="30081"/>
                </a:xfrm>
                <a:solidFill>
                  <a:srgbClr val="000000"/>
                </a:solidFill>
              </p:grpSpPr>
              <p:sp>
                <p:nvSpPr>
                  <p:cNvPr id="164" name="Freeform: Shape 163">
                    <a:extLst>
                      <a:ext uri="{FF2B5EF4-FFF2-40B4-BE49-F238E27FC236}">
                        <a16:creationId xmlns:a16="http://schemas.microsoft.com/office/drawing/2014/main" id="{7F720DA8-B9E7-9873-9A29-B5176FC1D088}"/>
                      </a:ext>
                    </a:extLst>
                  </p:cNvPr>
                  <p:cNvSpPr/>
                  <p:nvPr/>
                </p:nvSpPr>
                <p:spPr>
                  <a:xfrm>
                    <a:off x="8166602" y="3641334"/>
                    <a:ext cx="25743" cy="30081"/>
                  </a:xfrm>
                  <a:custGeom>
                    <a:avLst/>
                    <a:gdLst>
                      <a:gd name="connsiteX0" fmla="*/ 25743 w 25743"/>
                      <a:gd name="connsiteY0" fmla="*/ 7821 h 30081"/>
                      <a:gd name="connsiteX1" fmla="*/ 17275 w 25743"/>
                      <a:gd name="connsiteY1" fmla="*/ 7821 h 30081"/>
                      <a:gd name="connsiteX2" fmla="*/ 17275 w 25743"/>
                      <a:gd name="connsiteY2" fmla="*/ 30082 h 30081"/>
                      <a:gd name="connsiteX3" fmla="*/ 8469 w 25743"/>
                      <a:gd name="connsiteY3" fmla="*/ 30082 h 30081"/>
                      <a:gd name="connsiteX4" fmla="*/ 8469 w 25743"/>
                      <a:gd name="connsiteY4" fmla="*/ 7821 h 30081"/>
                      <a:gd name="connsiteX5" fmla="*/ 0 w 25743"/>
                      <a:gd name="connsiteY5" fmla="*/ 7821 h 30081"/>
                      <a:gd name="connsiteX6" fmla="*/ 0 w 25743"/>
                      <a:gd name="connsiteY6" fmla="*/ 0 h 30081"/>
                      <a:gd name="connsiteX7" fmla="*/ 25743 w 25743"/>
                      <a:gd name="connsiteY7" fmla="*/ 0 h 30081"/>
                      <a:gd name="connsiteX8" fmla="*/ 25743 w 25743"/>
                      <a:gd name="connsiteY8" fmla="*/ 7821 h 3008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25743" h="30081">
                        <a:moveTo>
                          <a:pt x="25743" y="7821"/>
                        </a:moveTo>
                        <a:lnTo>
                          <a:pt x="17275" y="7821"/>
                        </a:lnTo>
                        <a:lnTo>
                          <a:pt x="17275" y="30082"/>
                        </a:lnTo>
                        <a:lnTo>
                          <a:pt x="8469" y="30082"/>
                        </a:lnTo>
                        <a:lnTo>
                          <a:pt x="8469" y="7821"/>
                        </a:lnTo>
                        <a:lnTo>
                          <a:pt x="0" y="7821"/>
                        </a:lnTo>
                        <a:lnTo>
                          <a:pt x="0" y="0"/>
                        </a:lnTo>
                        <a:lnTo>
                          <a:pt x="25743" y="0"/>
                        </a:lnTo>
                        <a:lnTo>
                          <a:pt x="25743" y="7821"/>
                        </a:lnTo>
                        <a:close/>
                      </a:path>
                    </a:pathLst>
                  </a:custGeom>
                  <a:solidFill>
                    <a:srgbClr val="000000"/>
                  </a:solidFill>
                  <a:ln w="865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165" name="Freeform: Shape 164">
                    <a:extLst>
                      <a:ext uri="{FF2B5EF4-FFF2-40B4-BE49-F238E27FC236}">
                        <a16:creationId xmlns:a16="http://schemas.microsoft.com/office/drawing/2014/main" id="{AF0201CA-30F2-37B1-C6F5-8542BBE2B56D}"/>
                      </a:ext>
                    </a:extLst>
                  </p:cNvPr>
                  <p:cNvSpPr/>
                  <p:nvPr/>
                </p:nvSpPr>
                <p:spPr>
                  <a:xfrm>
                    <a:off x="8197203" y="3641334"/>
                    <a:ext cx="31622" cy="30081"/>
                  </a:xfrm>
                  <a:custGeom>
                    <a:avLst/>
                    <a:gdLst>
                      <a:gd name="connsiteX0" fmla="*/ 12331 w 31622"/>
                      <a:gd name="connsiteY0" fmla="*/ 23638 h 30081"/>
                      <a:gd name="connsiteX1" fmla="*/ 8460 w 31622"/>
                      <a:gd name="connsiteY1" fmla="*/ 12894 h 30081"/>
                      <a:gd name="connsiteX2" fmla="*/ 8460 w 31622"/>
                      <a:gd name="connsiteY2" fmla="*/ 30082 h 30081"/>
                      <a:gd name="connsiteX3" fmla="*/ 0 w 31622"/>
                      <a:gd name="connsiteY3" fmla="*/ 30082 h 30081"/>
                      <a:gd name="connsiteX4" fmla="*/ 0 w 31622"/>
                      <a:gd name="connsiteY4" fmla="*/ 0 h 30081"/>
                      <a:gd name="connsiteX5" fmla="*/ 11612 w 31622"/>
                      <a:gd name="connsiteY5" fmla="*/ 0 h 30081"/>
                      <a:gd name="connsiteX6" fmla="*/ 16002 w 31622"/>
                      <a:gd name="connsiteY6" fmla="*/ 12550 h 30081"/>
                      <a:gd name="connsiteX7" fmla="*/ 20695 w 31622"/>
                      <a:gd name="connsiteY7" fmla="*/ 0 h 30081"/>
                      <a:gd name="connsiteX8" fmla="*/ 31623 w 31622"/>
                      <a:gd name="connsiteY8" fmla="*/ 0 h 30081"/>
                      <a:gd name="connsiteX9" fmla="*/ 31623 w 31622"/>
                      <a:gd name="connsiteY9" fmla="*/ 30082 h 30081"/>
                      <a:gd name="connsiteX10" fmla="*/ 22990 w 31622"/>
                      <a:gd name="connsiteY10" fmla="*/ 30082 h 30081"/>
                      <a:gd name="connsiteX11" fmla="*/ 22990 w 31622"/>
                      <a:gd name="connsiteY11" fmla="*/ 12894 h 30081"/>
                      <a:gd name="connsiteX12" fmla="*/ 19119 w 31622"/>
                      <a:gd name="connsiteY12" fmla="*/ 23638 h 30081"/>
                      <a:gd name="connsiteX13" fmla="*/ 12331 w 31622"/>
                      <a:gd name="connsiteY13" fmla="*/ 23638 h 3008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l="l" t="t" r="r" b="b"/>
                    <a:pathLst>
                      <a:path w="31622" h="30081">
                        <a:moveTo>
                          <a:pt x="12331" y="23638"/>
                        </a:moveTo>
                        <a:lnTo>
                          <a:pt x="8460" y="12894"/>
                        </a:lnTo>
                        <a:lnTo>
                          <a:pt x="8460" y="30082"/>
                        </a:lnTo>
                        <a:lnTo>
                          <a:pt x="0" y="30082"/>
                        </a:lnTo>
                        <a:lnTo>
                          <a:pt x="0" y="0"/>
                        </a:lnTo>
                        <a:lnTo>
                          <a:pt x="11612" y="0"/>
                        </a:lnTo>
                        <a:lnTo>
                          <a:pt x="16002" y="12550"/>
                        </a:lnTo>
                        <a:lnTo>
                          <a:pt x="20695" y="0"/>
                        </a:lnTo>
                        <a:lnTo>
                          <a:pt x="31623" y="0"/>
                        </a:lnTo>
                        <a:lnTo>
                          <a:pt x="31623" y="30082"/>
                        </a:lnTo>
                        <a:lnTo>
                          <a:pt x="22990" y="30082"/>
                        </a:lnTo>
                        <a:lnTo>
                          <a:pt x="22990" y="12894"/>
                        </a:lnTo>
                        <a:lnTo>
                          <a:pt x="19119" y="23638"/>
                        </a:lnTo>
                        <a:lnTo>
                          <a:pt x="12331" y="23638"/>
                        </a:lnTo>
                        <a:close/>
                      </a:path>
                    </a:pathLst>
                  </a:custGeom>
                  <a:solidFill>
                    <a:srgbClr val="000000"/>
                  </a:solidFill>
                  <a:ln w="865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grpSp>
          </p:grpSp>
        </p:grpSp>
        <p:grpSp>
          <p:nvGrpSpPr>
            <p:cNvPr id="149" name="Graphic 1">
              <a:extLst>
                <a:ext uri="{FF2B5EF4-FFF2-40B4-BE49-F238E27FC236}">
                  <a16:creationId xmlns:a16="http://schemas.microsoft.com/office/drawing/2014/main" id="{969F3E03-9FFB-369A-AF21-F481CB585397}"/>
                </a:ext>
              </a:extLst>
            </p:cNvPr>
            <p:cNvGrpSpPr>
              <a:grpSpLocks noChangeAspect="1"/>
            </p:cNvGrpSpPr>
            <p:nvPr/>
          </p:nvGrpSpPr>
          <p:grpSpPr>
            <a:xfrm>
              <a:off x="4582007" y="3717620"/>
              <a:ext cx="926511" cy="173235"/>
              <a:chOff x="4592168" y="3684451"/>
              <a:chExt cx="926511" cy="173235"/>
            </a:xfrm>
          </p:grpSpPr>
          <p:sp>
            <p:nvSpPr>
              <p:cNvPr id="150" name="Freeform: Shape 149">
                <a:extLst>
                  <a:ext uri="{FF2B5EF4-FFF2-40B4-BE49-F238E27FC236}">
                    <a16:creationId xmlns:a16="http://schemas.microsoft.com/office/drawing/2014/main" id="{754C4C92-ABE5-F4BE-938B-199D42864C81}"/>
                  </a:ext>
                </a:extLst>
              </p:cNvPr>
              <p:cNvSpPr/>
              <p:nvPr/>
            </p:nvSpPr>
            <p:spPr>
              <a:xfrm>
                <a:off x="5469585" y="3808592"/>
                <a:ext cx="49094" cy="49093"/>
              </a:xfrm>
              <a:custGeom>
                <a:avLst/>
                <a:gdLst>
                  <a:gd name="connsiteX0" fmla="*/ 0 w 49094"/>
                  <a:gd name="connsiteY0" fmla="*/ 24514 h 49093"/>
                  <a:gd name="connsiteX1" fmla="*/ 24580 w 49094"/>
                  <a:gd name="connsiteY1" fmla="*/ 0 h 49093"/>
                  <a:gd name="connsiteX2" fmla="*/ 49094 w 49094"/>
                  <a:gd name="connsiteY2" fmla="*/ 24580 h 49093"/>
                  <a:gd name="connsiteX3" fmla="*/ 24710 w 49094"/>
                  <a:gd name="connsiteY3" fmla="*/ 49094 h 49093"/>
                  <a:gd name="connsiteX4" fmla="*/ 163 w 49094"/>
                  <a:gd name="connsiteY4" fmla="*/ 24514 h 49093"/>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9094" h="49093">
                    <a:moveTo>
                      <a:pt x="0" y="24514"/>
                    </a:moveTo>
                    <a:cubicBezTo>
                      <a:pt x="20" y="10957"/>
                      <a:pt x="11022" y="-18"/>
                      <a:pt x="24580" y="0"/>
                    </a:cubicBezTo>
                    <a:cubicBezTo>
                      <a:pt x="38138" y="18"/>
                      <a:pt x="49114" y="11023"/>
                      <a:pt x="49094" y="24580"/>
                    </a:cubicBezTo>
                    <a:cubicBezTo>
                      <a:pt x="49074" y="38060"/>
                      <a:pt x="38190" y="49004"/>
                      <a:pt x="24710" y="49094"/>
                    </a:cubicBezTo>
                    <a:cubicBezTo>
                      <a:pt x="11149" y="49076"/>
                      <a:pt x="163" y="38076"/>
                      <a:pt x="163" y="24514"/>
                    </a:cubicBezTo>
                  </a:path>
                </a:pathLst>
              </a:custGeom>
              <a:solidFill>
                <a:srgbClr val="86BC25"/>
              </a:solidFill>
              <a:ln w="326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151" name="Freeform: Shape 150">
                <a:extLst>
                  <a:ext uri="{FF2B5EF4-FFF2-40B4-BE49-F238E27FC236}">
                    <a16:creationId xmlns:a16="http://schemas.microsoft.com/office/drawing/2014/main" id="{495F9D77-4690-46A6-A11A-433E0D96CFC6}"/>
                  </a:ext>
                </a:extLst>
              </p:cNvPr>
              <p:cNvSpPr/>
              <p:nvPr/>
            </p:nvSpPr>
            <p:spPr>
              <a:xfrm>
                <a:off x="4592168" y="3685170"/>
                <a:ext cx="140745" cy="169541"/>
              </a:xfrm>
              <a:custGeom>
                <a:avLst/>
                <a:gdLst>
                  <a:gd name="connsiteX0" fmla="*/ 140745 w 140745"/>
                  <a:gd name="connsiteY0" fmla="*/ 81290 h 169541"/>
                  <a:gd name="connsiteX1" fmla="*/ 117865 w 140745"/>
                  <a:gd name="connsiteY1" fmla="*/ 146661 h 169541"/>
                  <a:gd name="connsiteX2" fmla="*/ 53605 w 140745"/>
                  <a:gd name="connsiteY2" fmla="*/ 169542 h 169541"/>
                  <a:gd name="connsiteX3" fmla="*/ 0 w 140745"/>
                  <a:gd name="connsiteY3" fmla="*/ 169542 h 169541"/>
                  <a:gd name="connsiteX4" fmla="*/ 0 w 140745"/>
                  <a:gd name="connsiteY4" fmla="*/ 0 h 169541"/>
                  <a:gd name="connsiteX5" fmla="*/ 57396 w 140745"/>
                  <a:gd name="connsiteY5" fmla="*/ 0 h 169541"/>
                  <a:gd name="connsiteX6" fmla="*/ 119042 w 140745"/>
                  <a:gd name="connsiteY6" fmla="*/ 20886 h 169541"/>
                  <a:gd name="connsiteX7" fmla="*/ 140745 w 140745"/>
                  <a:gd name="connsiteY7" fmla="*/ 81290 h 169541"/>
                  <a:gd name="connsiteX8" fmla="*/ 94266 w 140745"/>
                  <a:gd name="connsiteY8" fmla="*/ 82924 h 169541"/>
                  <a:gd name="connsiteX9" fmla="*/ 85245 w 140745"/>
                  <a:gd name="connsiteY9" fmla="*/ 48310 h 169541"/>
                  <a:gd name="connsiteX10" fmla="*/ 57854 w 140745"/>
                  <a:gd name="connsiteY10" fmla="*/ 37033 h 169541"/>
                  <a:gd name="connsiteX11" fmla="*/ 44780 w 140745"/>
                  <a:gd name="connsiteY11" fmla="*/ 37033 h 169541"/>
                  <a:gd name="connsiteX12" fmla="*/ 44780 w 140745"/>
                  <a:gd name="connsiteY12" fmla="*/ 132149 h 169541"/>
                  <a:gd name="connsiteX13" fmla="*/ 54749 w 140745"/>
                  <a:gd name="connsiteY13" fmla="*/ 132149 h 169541"/>
                  <a:gd name="connsiteX14" fmla="*/ 84689 w 140745"/>
                  <a:gd name="connsiteY14" fmla="*/ 120022 h 169541"/>
                  <a:gd name="connsiteX15" fmla="*/ 94233 w 140745"/>
                  <a:gd name="connsiteY15" fmla="*/ 82924 h 16954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Lst>
                <a:rect l="l" t="t" r="r" b="b"/>
                <a:pathLst>
                  <a:path w="140745" h="169541">
                    <a:moveTo>
                      <a:pt x="140745" y="81290"/>
                    </a:moveTo>
                    <a:cubicBezTo>
                      <a:pt x="140745" y="109618"/>
                      <a:pt x="133118" y="131408"/>
                      <a:pt x="117865" y="146661"/>
                    </a:cubicBezTo>
                    <a:cubicBezTo>
                      <a:pt x="102611" y="161915"/>
                      <a:pt x="81192" y="169542"/>
                      <a:pt x="53605" y="169542"/>
                    </a:cubicBezTo>
                    <a:lnTo>
                      <a:pt x="0" y="169542"/>
                    </a:lnTo>
                    <a:lnTo>
                      <a:pt x="0" y="0"/>
                    </a:lnTo>
                    <a:lnTo>
                      <a:pt x="57396" y="0"/>
                    </a:lnTo>
                    <a:cubicBezTo>
                      <a:pt x="84002" y="0"/>
                      <a:pt x="104551" y="6962"/>
                      <a:pt x="119042" y="20886"/>
                    </a:cubicBezTo>
                    <a:cubicBezTo>
                      <a:pt x="133532" y="34810"/>
                      <a:pt x="140767" y="54945"/>
                      <a:pt x="140745" y="81290"/>
                    </a:cubicBezTo>
                    <a:moveTo>
                      <a:pt x="94266" y="82924"/>
                    </a:moveTo>
                    <a:cubicBezTo>
                      <a:pt x="94266" y="67366"/>
                      <a:pt x="91259" y="55827"/>
                      <a:pt x="85245" y="48310"/>
                    </a:cubicBezTo>
                    <a:cubicBezTo>
                      <a:pt x="79230" y="40792"/>
                      <a:pt x="70100" y="37033"/>
                      <a:pt x="57854" y="37033"/>
                    </a:cubicBezTo>
                    <a:lnTo>
                      <a:pt x="44780" y="37033"/>
                    </a:lnTo>
                    <a:lnTo>
                      <a:pt x="44780" y="132149"/>
                    </a:lnTo>
                    <a:lnTo>
                      <a:pt x="54749" y="132149"/>
                    </a:lnTo>
                    <a:cubicBezTo>
                      <a:pt x="68346" y="132149"/>
                      <a:pt x="78326" y="128107"/>
                      <a:pt x="84689" y="120022"/>
                    </a:cubicBezTo>
                    <a:cubicBezTo>
                      <a:pt x="91052" y="111938"/>
                      <a:pt x="94233" y="99572"/>
                      <a:pt x="94233" y="82924"/>
                    </a:cubicBezTo>
                  </a:path>
                </a:pathLst>
              </a:custGeom>
              <a:solidFill>
                <a:srgbClr val="000000"/>
              </a:solidFill>
              <a:ln w="326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152" name="Freeform: Shape 151">
                <a:extLst>
                  <a:ext uri="{FF2B5EF4-FFF2-40B4-BE49-F238E27FC236}">
                    <a16:creationId xmlns:a16="http://schemas.microsoft.com/office/drawing/2014/main" id="{CF54F325-2171-C497-A5DC-13D8FD6DC5A2}"/>
                  </a:ext>
                </a:extLst>
              </p:cNvPr>
              <p:cNvSpPr/>
              <p:nvPr/>
            </p:nvSpPr>
            <p:spPr>
              <a:xfrm>
                <a:off x="4881502" y="3684451"/>
                <a:ext cx="42687" cy="170522"/>
              </a:xfrm>
              <a:custGeom>
                <a:avLst/>
                <a:gdLst>
                  <a:gd name="connsiteX0" fmla="*/ 0 w 42687"/>
                  <a:gd name="connsiteY0" fmla="*/ 0 h 170522"/>
                  <a:gd name="connsiteX1" fmla="*/ 42688 w 42687"/>
                  <a:gd name="connsiteY1" fmla="*/ 0 h 170522"/>
                  <a:gd name="connsiteX2" fmla="*/ 42688 w 42687"/>
                  <a:gd name="connsiteY2" fmla="*/ 170522 h 170522"/>
                  <a:gd name="connsiteX3" fmla="*/ 0 w 42687"/>
                  <a:gd name="connsiteY3" fmla="*/ 170522 h 170522"/>
                </a:gdLst>
                <a:ahLst/>
                <a:cxnLst>
                  <a:cxn ang="0">
                    <a:pos x="connsiteX0" y="connsiteY0"/>
                  </a:cxn>
                  <a:cxn ang="0">
                    <a:pos x="connsiteX1" y="connsiteY1"/>
                  </a:cxn>
                  <a:cxn ang="0">
                    <a:pos x="connsiteX2" y="connsiteY2"/>
                  </a:cxn>
                  <a:cxn ang="0">
                    <a:pos x="connsiteX3" y="connsiteY3"/>
                  </a:cxn>
                </a:cxnLst>
                <a:rect l="l" t="t" r="r" b="b"/>
                <a:pathLst>
                  <a:path w="42687" h="170522">
                    <a:moveTo>
                      <a:pt x="0" y="0"/>
                    </a:moveTo>
                    <a:lnTo>
                      <a:pt x="42688" y="0"/>
                    </a:lnTo>
                    <a:lnTo>
                      <a:pt x="42688" y="170522"/>
                    </a:lnTo>
                    <a:lnTo>
                      <a:pt x="0" y="170522"/>
                    </a:lnTo>
                    <a:close/>
                  </a:path>
                </a:pathLst>
              </a:custGeom>
              <a:solidFill>
                <a:srgbClr val="000000"/>
              </a:solidFill>
              <a:ln w="326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153" name="Freeform: Shape 152">
                <a:extLst>
                  <a:ext uri="{FF2B5EF4-FFF2-40B4-BE49-F238E27FC236}">
                    <a16:creationId xmlns:a16="http://schemas.microsoft.com/office/drawing/2014/main" id="{1593E14F-0039-6162-2361-B31EF73FD903}"/>
                  </a:ext>
                </a:extLst>
              </p:cNvPr>
              <p:cNvSpPr/>
              <p:nvPr/>
            </p:nvSpPr>
            <p:spPr>
              <a:xfrm>
                <a:off x="4940696" y="3726047"/>
                <a:ext cx="123585" cy="131148"/>
              </a:xfrm>
              <a:custGeom>
                <a:avLst/>
                <a:gdLst>
                  <a:gd name="connsiteX0" fmla="*/ 123585 w 123585"/>
                  <a:gd name="connsiteY0" fmla="*/ 65319 h 131148"/>
                  <a:gd name="connsiteX1" fmla="*/ 107242 w 123585"/>
                  <a:gd name="connsiteY1" fmla="*/ 113759 h 131148"/>
                  <a:gd name="connsiteX2" fmla="*/ 61482 w 123585"/>
                  <a:gd name="connsiteY2" fmla="*/ 131148 h 131148"/>
                  <a:gd name="connsiteX3" fmla="*/ 16670 w 123585"/>
                  <a:gd name="connsiteY3" fmla="*/ 113367 h 131148"/>
                  <a:gd name="connsiteX4" fmla="*/ 0 w 123585"/>
                  <a:gd name="connsiteY4" fmla="*/ 65319 h 131148"/>
                  <a:gd name="connsiteX5" fmla="*/ 16343 w 123585"/>
                  <a:gd name="connsiteY5" fmla="*/ 17173 h 131148"/>
                  <a:gd name="connsiteX6" fmla="*/ 62103 w 123585"/>
                  <a:gd name="connsiteY6" fmla="*/ 13 h 131148"/>
                  <a:gd name="connsiteX7" fmla="*/ 94299 w 123585"/>
                  <a:gd name="connsiteY7" fmla="*/ 7955 h 131148"/>
                  <a:gd name="connsiteX8" fmla="*/ 115871 w 123585"/>
                  <a:gd name="connsiteY8" fmla="*/ 30835 h 131148"/>
                  <a:gd name="connsiteX9" fmla="*/ 123454 w 123585"/>
                  <a:gd name="connsiteY9" fmla="*/ 65450 h 131148"/>
                  <a:gd name="connsiteX10" fmla="*/ 43309 w 123585"/>
                  <a:gd name="connsiteY10" fmla="*/ 65450 h 131148"/>
                  <a:gd name="connsiteX11" fmla="*/ 47591 w 123585"/>
                  <a:gd name="connsiteY11" fmla="*/ 90324 h 131148"/>
                  <a:gd name="connsiteX12" fmla="*/ 61874 w 123585"/>
                  <a:gd name="connsiteY12" fmla="*/ 98855 h 131148"/>
                  <a:gd name="connsiteX13" fmla="*/ 75896 w 123585"/>
                  <a:gd name="connsiteY13" fmla="*/ 90324 h 131148"/>
                  <a:gd name="connsiteX14" fmla="*/ 79982 w 123585"/>
                  <a:gd name="connsiteY14" fmla="*/ 65450 h 131148"/>
                  <a:gd name="connsiteX15" fmla="*/ 75864 w 123585"/>
                  <a:gd name="connsiteY15" fmla="*/ 40968 h 131148"/>
                  <a:gd name="connsiteX16" fmla="*/ 53526 w 123585"/>
                  <a:gd name="connsiteY16" fmla="*/ 35032 h 131148"/>
                  <a:gd name="connsiteX17" fmla="*/ 47591 w 123585"/>
                  <a:gd name="connsiteY17" fmla="*/ 40968 h 131148"/>
                  <a:gd name="connsiteX18" fmla="*/ 43309 w 123585"/>
                  <a:gd name="connsiteY18" fmla="*/ 65515 h 13114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Lst>
                <a:rect l="l" t="t" r="r" b="b"/>
                <a:pathLst>
                  <a:path w="123585" h="131148">
                    <a:moveTo>
                      <a:pt x="123585" y="65319"/>
                    </a:moveTo>
                    <a:cubicBezTo>
                      <a:pt x="123585" y="86042"/>
                      <a:pt x="118136" y="102189"/>
                      <a:pt x="107242" y="113759"/>
                    </a:cubicBezTo>
                    <a:cubicBezTo>
                      <a:pt x="96348" y="125330"/>
                      <a:pt x="81093" y="131126"/>
                      <a:pt x="61482" y="131148"/>
                    </a:cubicBezTo>
                    <a:cubicBezTo>
                      <a:pt x="42697" y="131148"/>
                      <a:pt x="27760" y="125221"/>
                      <a:pt x="16670" y="113367"/>
                    </a:cubicBezTo>
                    <a:cubicBezTo>
                      <a:pt x="5579" y="101513"/>
                      <a:pt x="23" y="85497"/>
                      <a:pt x="0" y="65319"/>
                    </a:cubicBezTo>
                    <a:cubicBezTo>
                      <a:pt x="0" y="44662"/>
                      <a:pt x="5449" y="28613"/>
                      <a:pt x="16343" y="17173"/>
                    </a:cubicBezTo>
                    <a:cubicBezTo>
                      <a:pt x="27237" y="5733"/>
                      <a:pt x="42492" y="13"/>
                      <a:pt x="62103" y="13"/>
                    </a:cubicBezTo>
                    <a:cubicBezTo>
                      <a:pt x="73347" y="-211"/>
                      <a:pt x="84450" y="2528"/>
                      <a:pt x="94299" y="7955"/>
                    </a:cubicBezTo>
                    <a:cubicBezTo>
                      <a:pt x="103611" y="13260"/>
                      <a:pt x="111122" y="21228"/>
                      <a:pt x="115871" y="30835"/>
                    </a:cubicBezTo>
                    <a:cubicBezTo>
                      <a:pt x="121121" y="41604"/>
                      <a:pt x="123722" y="53472"/>
                      <a:pt x="123454" y="65450"/>
                    </a:cubicBezTo>
                    <a:moveTo>
                      <a:pt x="43309" y="65450"/>
                    </a:moveTo>
                    <a:cubicBezTo>
                      <a:pt x="42871" y="73956"/>
                      <a:pt x="44335" y="82453"/>
                      <a:pt x="47591" y="90324"/>
                    </a:cubicBezTo>
                    <a:cubicBezTo>
                      <a:pt x="50130" y="95846"/>
                      <a:pt x="55808" y="99236"/>
                      <a:pt x="61874" y="98855"/>
                    </a:cubicBezTo>
                    <a:cubicBezTo>
                      <a:pt x="67875" y="99239"/>
                      <a:pt x="73478" y="95830"/>
                      <a:pt x="75896" y="90324"/>
                    </a:cubicBezTo>
                    <a:cubicBezTo>
                      <a:pt x="79028" y="82421"/>
                      <a:pt x="80420" y="73938"/>
                      <a:pt x="79982" y="65450"/>
                    </a:cubicBezTo>
                    <a:cubicBezTo>
                      <a:pt x="80430" y="57085"/>
                      <a:pt x="79024" y="48725"/>
                      <a:pt x="75864" y="40968"/>
                    </a:cubicBezTo>
                    <a:cubicBezTo>
                      <a:pt x="71333" y="33161"/>
                      <a:pt x="61335" y="30503"/>
                      <a:pt x="53526" y="35032"/>
                    </a:cubicBezTo>
                    <a:cubicBezTo>
                      <a:pt x="51065" y="36460"/>
                      <a:pt x="49019" y="38506"/>
                      <a:pt x="47591" y="40968"/>
                    </a:cubicBezTo>
                    <a:cubicBezTo>
                      <a:pt x="44737" y="46459"/>
                      <a:pt x="43309" y="54642"/>
                      <a:pt x="43309" y="65515"/>
                    </a:cubicBezTo>
                  </a:path>
                </a:pathLst>
              </a:custGeom>
              <a:solidFill>
                <a:srgbClr val="000000"/>
              </a:solidFill>
              <a:ln w="326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154" name="Freeform: Shape 153">
                <a:extLst>
                  <a:ext uri="{FF2B5EF4-FFF2-40B4-BE49-F238E27FC236}">
                    <a16:creationId xmlns:a16="http://schemas.microsoft.com/office/drawing/2014/main" id="{467FD5AF-BFAA-0B30-4C3E-1A5B4588CB1E}"/>
                  </a:ext>
                </a:extLst>
              </p:cNvPr>
              <p:cNvSpPr/>
              <p:nvPr/>
            </p:nvSpPr>
            <p:spPr>
              <a:xfrm>
                <a:off x="5081212" y="3728315"/>
                <a:ext cx="42687" cy="126657"/>
              </a:xfrm>
              <a:custGeom>
                <a:avLst/>
                <a:gdLst>
                  <a:gd name="connsiteX0" fmla="*/ 0 w 42687"/>
                  <a:gd name="connsiteY0" fmla="*/ 0 h 126657"/>
                  <a:gd name="connsiteX1" fmla="*/ 42688 w 42687"/>
                  <a:gd name="connsiteY1" fmla="*/ 0 h 126657"/>
                  <a:gd name="connsiteX2" fmla="*/ 42688 w 42687"/>
                  <a:gd name="connsiteY2" fmla="*/ 126658 h 126657"/>
                  <a:gd name="connsiteX3" fmla="*/ 0 w 42687"/>
                  <a:gd name="connsiteY3" fmla="*/ 126658 h 126657"/>
                </a:gdLst>
                <a:ahLst/>
                <a:cxnLst>
                  <a:cxn ang="0">
                    <a:pos x="connsiteX0" y="connsiteY0"/>
                  </a:cxn>
                  <a:cxn ang="0">
                    <a:pos x="connsiteX1" y="connsiteY1"/>
                  </a:cxn>
                  <a:cxn ang="0">
                    <a:pos x="connsiteX2" y="connsiteY2"/>
                  </a:cxn>
                  <a:cxn ang="0">
                    <a:pos x="connsiteX3" y="connsiteY3"/>
                  </a:cxn>
                </a:cxnLst>
                <a:rect l="l" t="t" r="r" b="b"/>
                <a:pathLst>
                  <a:path w="42687" h="126657">
                    <a:moveTo>
                      <a:pt x="0" y="0"/>
                    </a:moveTo>
                    <a:lnTo>
                      <a:pt x="42688" y="0"/>
                    </a:lnTo>
                    <a:lnTo>
                      <a:pt x="42688" y="126658"/>
                    </a:lnTo>
                    <a:lnTo>
                      <a:pt x="0" y="126658"/>
                    </a:lnTo>
                    <a:close/>
                  </a:path>
                </a:pathLst>
              </a:custGeom>
              <a:solidFill>
                <a:srgbClr val="000000"/>
              </a:solidFill>
              <a:ln w="326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155" name="Freeform: Shape 154">
                <a:extLst>
                  <a:ext uri="{FF2B5EF4-FFF2-40B4-BE49-F238E27FC236}">
                    <a16:creationId xmlns:a16="http://schemas.microsoft.com/office/drawing/2014/main" id="{DAE6AC92-3E8A-2F73-5A74-D87A030E2895}"/>
                  </a:ext>
                </a:extLst>
              </p:cNvPr>
              <p:cNvSpPr/>
              <p:nvPr/>
            </p:nvSpPr>
            <p:spPr>
              <a:xfrm>
                <a:off x="5081212" y="3684451"/>
                <a:ext cx="42687" cy="28534"/>
              </a:xfrm>
              <a:custGeom>
                <a:avLst/>
                <a:gdLst>
                  <a:gd name="connsiteX0" fmla="*/ 0 w 42687"/>
                  <a:gd name="connsiteY0" fmla="*/ 0 h 28534"/>
                  <a:gd name="connsiteX1" fmla="*/ 42688 w 42687"/>
                  <a:gd name="connsiteY1" fmla="*/ 0 h 28534"/>
                  <a:gd name="connsiteX2" fmla="*/ 42688 w 42687"/>
                  <a:gd name="connsiteY2" fmla="*/ 28535 h 28534"/>
                  <a:gd name="connsiteX3" fmla="*/ 0 w 42687"/>
                  <a:gd name="connsiteY3" fmla="*/ 28535 h 28534"/>
                </a:gdLst>
                <a:ahLst/>
                <a:cxnLst>
                  <a:cxn ang="0">
                    <a:pos x="connsiteX0" y="connsiteY0"/>
                  </a:cxn>
                  <a:cxn ang="0">
                    <a:pos x="connsiteX1" y="connsiteY1"/>
                  </a:cxn>
                  <a:cxn ang="0">
                    <a:pos x="connsiteX2" y="connsiteY2"/>
                  </a:cxn>
                  <a:cxn ang="0">
                    <a:pos x="connsiteX3" y="connsiteY3"/>
                  </a:cxn>
                </a:cxnLst>
                <a:rect l="l" t="t" r="r" b="b"/>
                <a:pathLst>
                  <a:path w="42687" h="28534">
                    <a:moveTo>
                      <a:pt x="0" y="0"/>
                    </a:moveTo>
                    <a:lnTo>
                      <a:pt x="42688" y="0"/>
                    </a:lnTo>
                    <a:lnTo>
                      <a:pt x="42688" y="28535"/>
                    </a:lnTo>
                    <a:lnTo>
                      <a:pt x="0" y="28535"/>
                    </a:lnTo>
                    <a:close/>
                  </a:path>
                </a:pathLst>
              </a:custGeom>
              <a:solidFill>
                <a:srgbClr val="000000"/>
              </a:solidFill>
              <a:ln w="326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156" name="Freeform: Shape 155">
                <a:extLst>
                  <a:ext uri="{FF2B5EF4-FFF2-40B4-BE49-F238E27FC236}">
                    <a16:creationId xmlns:a16="http://schemas.microsoft.com/office/drawing/2014/main" id="{83839BD3-EA4F-60FB-877F-7CAB84CAB9B2}"/>
                  </a:ext>
                </a:extLst>
              </p:cNvPr>
              <p:cNvSpPr/>
              <p:nvPr/>
            </p:nvSpPr>
            <p:spPr>
              <a:xfrm>
                <a:off x="5140962" y="3688504"/>
                <a:ext cx="90082" cy="168701"/>
              </a:xfrm>
              <a:custGeom>
                <a:avLst/>
                <a:gdLst>
                  <a:gd name="connsiteX0" fmla="*/ 69425 w 90082"/>
                  <a:gd name="connsiteY0" fmla="*/ 134143 h 168701"/>
                  <a:gd name="connsiteX1" fmla="*/ 90082 w 90082"/>
                  <a:gd name="connsiteY1" fmla="*/ 129959 h 168701"/>
                  <a:gd name="connsiteX2" fmla="*/ 90082 w 90082"/>
                  <a:gd name="connsiteY2" fmla="*/ 161664 h 168701"/>
                  <a:gd name="connsiteX3" fmla="*/ 73739 w 90082"/>
                  <a:gd name="connsiteY3" fmla="*/ 167057 h 168701"/>
                  <a:gd name="connsiteX4" fmla="*/ 55435 w 90082"/>
                  <a:gd name="connsiteY4" fmla="*/ 168692 h 168701"/>
                  <a:gd name="connsiteX5" fmla="*/ 24449 w 90082"/>
                  <a:gd name="connsiteY5" fmla="*/ 157905 h 168701"/>
                  <a:gd name="connsiteX6" fmla="*/ 14970 w 90082"/>
                  <a:gd name="connsiteY6" fmla="*/ 124762 h 168701"/>
                  <a:gd name="connsiteX7" fmla="*/ 14970 w 90082"/>
                  <a:gd name="connsiteY7" fmla="*/ 72465 h 168701"/>
                  <a:gd name="connsiteX8" fmla="*/ 0 w 90082"/>
                  <a:gd name="connsiteY8" fmla="*/ 72465 h 168701"/>
                  <a:gd name="connsiteX9" fmla="*/ 0 w 90082"/>
                  <a:gd name="connsiteY9" fmla="*/ 39779 h 168701"/>
                  <a:gd name="connsiteX10" fmla="*/ 14970 w 90082"/>
                  <a:gd name="connsiteY10" fmla="*/ 39779 h 168701"/>
                  <a:gd name="connsiteX11" fmla="*/ 14970 w 90082"/>
                  <a:gd name="connsiteY11" fmla="*/ 7485 h 168701"/>
                  <a:gd name="connsiteX12" fmla="*/ 57854 w 90082"/>
                  <a:gd name="connsiteY12" fmla="*/ 0 h 168701"/>
                  <a:gd name="connsiteX13" fmla="*/ 57854 w 90082"/>
                  <a:gd name="connsiteY13" fmla="*/ 39811 h 168701"/>
                  <a:gd name="connsiteX14" fmla="*/ 85114 w 90082"/>
                  <a:gd name="connsiteY14" fmla="*/ 39811 h 168701"/>
                  <a:gd name="connsiteX15" fmla="*/ 85114 w 90082"/>
                  <a:gd name="connsiteY15" fmla="*/ 72497 h 168701"/>
                  <a:gd name="connsiteX16" fmla="*/ 57854 w 90082"/>
                  <a:gd name="connsiteY16" fmla="*/ 72497 h 168701"/>
                  <a:gd name="connsiteX17" fmla="*/ 57854 w 90082"/>
                  <a:gd name="connsiteY17" fmla="*/ 121853 h 168701"/>
                  <a:gd name="connsiteX18" fmla="*/ 69425 w 90082"/>
                  <a:gd name="connsiteY18" fmla="*/ 134143 h 16870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Lst>
                <a:rect l="l" t="t" r="r" b="b"/>
                <a:pathLst>
                  <a:path w="90082" h="168701">
                    <a:moveTo>
                      <a:pt x="69425" y="134143"/>
                    </a:moveTo>
                    <a:cubicBezTo>
                      <a:pt x="76498" y="133935"/>
                      <a:pt x="83486" y="132520"/>
                      <a:pt x="90082" y="129959"/>
                    </a:cubicBezTo>
                    <a:lnTo>
                      <a:pt x="90082" y="161664"/>
                    </a:lnTo>
                    <a:cubicBezTo>
                      <a:pt x="84839" y="164028"/>
                      <a:pt x="79361" y="165836"/>
                      <a:pt x="73739" y="167057"/>
                    </a:cubicBezTo>
                    <a:cubicBezTo>
                      <a:pt x="67712" y="168235"/>
                      <a:pt x="61577" y="168782"/>
                      <a:pt x="55435" y="168692"/>
                    </a:cubicBezTo>
                    <a:cubicBezTo>
                      <a:pt x="41119" y="168692"/>
                      <a:pt x="30790" y="165096"/>
                      <a:pt x="24449" y="157905"/>
                    </a:cubicBezTo>
                    <a:cubicBezTo>
                      <a:pt x="18108" y="150714"/>
                      <a:pt x="14947" y="139667"/>
                      <a:pt x="14970" y="124762"/>
                    </a:cubicBezTo>
                    <a:lnTo>
                      <a:pt x="14970" y="72465"/>
                    </a:lnTo>
                    <a:lnTo>
                      <a:pt x="0" y="72465"/>
                    </a:lnTo>
                    <a:lnTo>
                      <a:pt x="0" y="39779"/>
                    </a:lnTo>
                    <a:lnTo>
                      <a:pt x="14970" y="39779"/>
                    </a:lnTo>
                    <a:lnTo>
                      <a:pt x="14970" y="7485"/>
                    </a:lnTo>
                    <a:lnTo>
                      <a:pt x="57854" y="0"/>
                    </a:lnTo>
                    <a:lnTo>
                      <a:pt x="57854" y="39811"/>
                    </a:lnTo>
                    <a:lnTo>
                      <a:pt x="85114" y="39811"/>
                    </a:lnTo>
                    <a:lnTo>
                      <a:pt x="85114" y="72497"/>
                    </a:lnTo>
                    <a:lnTo>
                      <a:pt x="57854" y="72497"/>
                    </a:lnTo>
                    <a:lnTo>
                      <a:pt x="57854" y="121853"/>
                    </a:lnTo>
                    <a:cubicBezTo>
                      <a:pt x="57854" y="130057"/>
                      <a:pt x="61743" y="134143"/>
                      <a:pt x="69425" y="134143"/>
                    </a:cubicBezTo>
                  </a:path>
                </a:pathLst>
              </a:custGeom>
              <a:solidFill>
                <a:srgbClr val="000000"/>
              </a:solidFill>
              <a:ln w="326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157" name="Freeform: Shape 156">
                <a:extLst>
                  <a:ext uri="{FF2B5EF4-FFF2-40B4-BE49-F238E27FC236}">
                    <a16:creationId xmlns:a16="http://schemas.microsoft.com/office/drawing/2014/main" id="{38A7C016-D52D-2217-5477-85FB61535162}"/>
                  </a:ext>
                </a:extLst>
              </p:cNvPr>
              <p:cNvSpPr/>
              <p:nvPr/>
            </p:nvSpPr>
            <p:spPr>
              <a:xfrm>
                <a:off x="5239673" y="3688602"/>
                <a:ext cx="90147" cy="168602"/>
              </a:xfrm>
              <a:custGeom>
                <a:avLst/>
                <a:gdLst>
                  <a:gd name="connsiteX0" fmla="*/ 69523 w 90147"/>
                  <a:gd name="connsiteY0" fmla="*/ 134045 h 168602"/>
                  <a:gd name="connsiteX1" fmla="*/ 90147 w 90147"/>
                  <a:gd name="connsiteY1" fmla="*/ 129861 h 168602"/>
                  <a:gd name="connsiteX2" fmla="*/ 90147 w 90147"/>
                  <a:gd name="connsiteY2" fmla="*/ 161566 h 168602"/>
                  <a:gd name="connsiteX3" fmla="*/ 73804 w 90147"/>
                  <a:gd name="connsiteY3" fmla="*/ 166959 h 168602"/>
                  <a:gd name="connsiteX4" fmla="*/ 55500 w 90147"/>
                  <a:gd name="connsiteY4" fmla="*/ 168594 h 168602"/>
                  <a:gd name="connsiteX5" fmla="*/ 24514 w 90147"/>
                  <a:gd name="connsiteY5" fmla="*/ 157807 h 168602"/>
                  <a:gd name="connsiteX6" fmla="*/ 15003 w 90147"/>
                  <a:gd name="connsiteY6" fmla="*/ 124664 h 168602"/>
                  <a:gd name="connsiteX7" fmla="*/ 15003 w 90147"/>
                  <a:gd name="connsiteY7" fmla="*/ 72366 h 168602"/>
                  <a:gd name="connsiteX8" fmla="*/ 0 w 90147"/>
                  <a:gd name="connsiteY8" fmla="*/ 72366 h 168602"/>
                  <a:gd name="connsiteX9" fmla="*/ 0 w 90147"/>
                  <a:gd name="connsiteY9" fmla="*/ 39681 h 168602"/>
                  <a:gd name="connsiteX10" fmla="*/ 14937 w 90147"/>
                  <a:gd name="connsiteY10" fmla="*/ 39681 h 168602"/>
                  <a:gd name="connsiteX11" fmla="*/ 14937 w 90147"/>
                  <a:gd name="connsiteY11" fmla="*/ 6995 h 168602"/>
                  <a:gd name="connsiteX12" fmla="*/ 57952 w 90147"/>
                  <a:gd name="connsiteY12" fmla="*/ 0 h 168602"/>
                  <a:gd name="connsiteX13" fmla="*/ 57952 w 90147"/>
                  <a:gd name="connsiteY13" fmla="*/ 39713 h 168602"/>
                  <a:gd name="connsiteX14" fmla="*/ 85212 w 90147"/>
                  <a:gd name="connsiteY14" fmla="*/ 39713 h 168602"/>
                  <a:gd name="connsiteX15" fmla="*/ 85212 w 90147"/>
                  <a:gd name="connsiteY15" fmla="*/ 72399 h 168602"/>
                  <a:gd name="connsiteX16" fmla="*/ 57952 w 90147"/>
                  <a:gd name="connsiteY16" fmla="*/ 72399 h 168602"/>
                  <a:gd name="connsiteX17" fmla="*/ 57952 w 90147"/>
                  <a:gd name="connsiteY17" fmla="*/ 121755 h 168602"/>
                  <a:gd name="connsiteX18" fmla="*/ 69523 w 90147"/>
                  <a:gd name="connsiteY18" fmla="*/ 134045 h 16860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Lst>
                <a:rect l="l" t="t" r="r" b="b"/>
                <a:pathLst>
                  <a:path w="90147" h="168602">
                    <a:moveTo>
                      <a:pt x="69523" y="134045"/>
                    </a:moveTo>
                    <a:cubicBezTo>
                      <a:pt x="76586" y="133834"/>
                      <a:pt x="83561" y="132419"/>
                      <a:pt x="90147" y="129861"/>
                    </a:cubicBezTo>
                    <a:lnTo>
                      <a:pt x="90147" y="161566"/>
                    </a:lnTo>
                    <a:cubicBezTo>
                      <a:pt x="84905" y="163937"/>
                      <a:pt x="79426" y="165745"/>
                      <a:pt x="73804" y="166959"/>
                    </a:cubicBezTo>
                    <a:cubicBezTo>
                      <a:pt x="67777" y="168135"/>
                      <a:pt x="61642" y="168683"/>
                      <a:pt x="55500" y="168594"/>
                    </a:cubicBezTo>
                    <a:cubicBezTo>
                      <a:pt x="41184" y="168594"/>
                      <a:pt x="30823" y="164998"/>
                      <a:pt x="24514" y="157807"/>
                    </a:cubicBezTo>
                    <a:cubicBezTo>
                      <a:pt x="18206" y="150616"/>
                      <a:pt x="15003" y="139569"/>
                      <a:pt x="15003" y="124664"/>
                    </a:cubicBezTo>
                    <a:lnTo>
                      <a:pt x="15003" y="72366"/>
                    </a:lnTo>
                    <a:lnTo>
                      <a:pt x="0" y="72366"/>
                    </a:lnTo>
                    <a:lnTo>
                      <a:pt x="0" y="39681"/>
                    </a:lnTo>
                    <a:lnTo>
                      <a:pt x="14937" y="39681"/>
                    </a:lnTo>
                    <a:lnTo>
                      <a:pt x="14937" y="6995"/>
                    </a:lnTo>
                    <a:lnTo>
                      <a:pt x="57952" y="0"/>
                    </a:lnTo>
                    <a:lnTo>
                      <a:pt x="57952" y="39713"/>
                    </a:lnTo>
                    <a:lnTo>
                      <a:pt x="85212" y="39713"/>
                    </a:lnTo>
                    <a:lnTo>
                      <a:pt x="85212" y="72399"/>
                    </a:lnTo>
                    <a:lnTo>
                      <a:pt x="57952" y="72399"/>
                    </a:lnTo>
                    <a:lnTo>
                      <a:pt x="57952" y="121755"/>
                    </a:lnTo>
                    <a:cubicBezTo>
                      <a:pt x="57952" y="129948"/>
                      <a:pt x="61809" y="134045"/>
                      <a:pt x="69523" y="134045"/>
                    </a:cubicBezTo>
                  </a:path>
                </a:pathLst>
              </a:custGeom>
              <a:solidFill>
                <a:srgbClr val="000000"/>
              </a:solidFill>
              <a:ln w="326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158" name="Freeform: Shape 157">
                <a:extLst>
                  <a:ext uri="{FF2B5EF4-FFF2-40B4-BE49-F238E27FC236}">
                    <a16:creationId xmlns:a16="http://schemas.microsoft.com/office/drawing/2014/main" id="{C7B468AC-EDD0-BE81-EBAA-61DFF81EAE5B}"/>
                  </a:ext>
                </a:extLst>
              </p:cNvPr>
              <p:cNvSpPr/>
              <p:nvPr/>
            </p:nvSpPr>
            <p:spPr>
              <a:xfrm>
                <a:off x="5339692" y="3726060"/>
                <a:ext cx="119335" cy="131146"/>
              </a:xfrm>
              <a:custGeom>
                <a:avLst/>
                <a:gdLst>
                  <a:gd name="connsiteX0" fmla="*/ 104202 w 119335"/>
                  <a:gd name="connsiteY0" fmla="*/ 14937 h 131146"/>
                  <a:gd name="connsiteX1" fmla="*/ 61024 w 119335"/>
                  <a:gd name="connsiteY1" fmla="*/ 0 h 131146"/>
                  <a:gd name="connsiteX2" fmla="*/ 15820 w 119335"/>
                  <a:gd name="connsiteY2" fmla="*/ 17160 h 131146"/>
                  <a:gd name="connsiteX3" fmla="*/ 0 w 119335"/>
                  <a:gd name="connsiteY3" fmla="*/ 66418 h 131146"/>
                  <a:gd name="connsiteX4" fmla="*/ 17095 w 119335"/>
                  <a:gd name="connsiteY4" fmla="*/ 114302 h 131146"/>
                  <a:gd name="connsiteX5" fmla="*/ 65077 w 119335"/>
                  <a:gd name="connsiteY5" fmla="*/ 131136 h 131146"/>
                  <a:gd name="connsiteX6" fmla="*/ 90605 w 119335"/>
                  <a:gd name="connsiteY6" fmla="*/ 129109 h 131146"/>
                  <a:gd name="connsiteX7" fmla="*/ 111230 w 119335"/>
                  <a:gd name="connsiteY7" fmla="*/ 121918 h 131146"/>
                  <a:gd name="connsiteX8" fmla="*/ 104693 w 119335"/>
                  <a:gd name="connsiteY8" fmla="*/ 93383 h 131146"/>
                  <a:gd name="connsiteX9" fmla="*/ 90899 w 119335"/>
                  <a:gd name="connsiteY9" fmla="*/ 97894 h 131146"/>
                  <a:gd name="connsiteX10" fmla="*/ 70242 w 119335"/>
                  <a:gd name="connsiteY10" fmla="*/ 100051 h 131146"/>
                  <a:gd name="connsiteX11" fmla="*/ 50630 w 119335"/>
                  <a:gd name="connsiteY11" fmla="*/ 94037 h 131146"/>
                  <a:gd name="connsiteX12" fmla="*/ 43047 w 119335"/>
                  <a:gd name="connsiteY12" fmla="*/ 77367 h 131146"/>
                  <a:gd name="connsiteX13" fmla="*/ 119336 w 119335"/>
                  <a:gd name="connsiteY13" fmla="*/ 77367 h 131146"/>
                  <a:gd name="connsiteX14" fmla="*/ 119336 w 119335"/>
                  <a:gd name="connsiteY14" fmla="*/ 57919 h 131146"/>
                  <a:gd name="connsiteX15" fmla="*/ 104104 w 119335"/>
                  <a:gd name="connsiteY15" fmla="*/ 14937 h 131146"/>
                  <a:gd name="connsiteX16" fmla="*/ 43995 w 119335"/>
                  <a:gd name="connsiteY16" fmla="*/ 49911 h 131146"/>
                  <a:gd name="connsiteX17" fmla="*/ 50009 w 119335"/>
                  <a:gd name="connsiteY17" fmla="*/ 34614 h 131146"/>
                  <a:gd name="connsiteX18" fmla="*/ 62626 w 119335"/>
                  <a:gd name="connsiteY18" fmla="*/ 29744 h 131146"/>
                  <a:gd name="connsiteX19" fmla="*/ 75700 w 119335"/>
                  <a:gd name="connsiteY19" fmla="*/ 35235 h 131146"/>
                  <a:gd name="connsiteX20" fmla="*/ 80669 w 119335"/>
                  <a:gd name="connsiteY20" fmla="*/ 49911 h 13114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l="l" t="t" r="r" b="b"/>
                <a:pathLst>
                  <a:path w="119335" h="131146">
                    <a:moveTo>
                      <a:pt x="104202" y="14937"/>
                    </a:moveTo>
                    <a:cubicBezTo>
                      <a:pt x="94070" y="5001"/>
                      <a:pt x="79678" y="22"/>
                      <a:pt x="61024" y="0"/>
                    </a:cubicBezTo>
                    <a:cubicBezTo>
                      <a:pt x="41413" y="0"/>
                      <a:pt x="26345" y="5720"/>
                      <a:pt x="15820" y="17160"/>
                    </a:cubicBezTo>
                    <a:cubicBezTo>
                      <a:pt x="5295" y="28600"/>
                      <a:pt x="23" y="45019"/>
                      <a:pt x="0" y="66418"/>
                    </a:cubicBezTo>
                    <a:cubicBezTo>
                      <a:pt x="0" y="87140"/>
                      <a:pt x="5697" y="103102"/>
                      <a:pt x="17095" y="114302"/>
                    </a:cubicBezTo>
                    <a:cubicBezTo>
                      <a:pt x="28492" y="125503"/>
                      <a:pt x="44485" y="131114"/>
                      <a:pt x="65077" y="131136"/>
                    </a:cubicBezTo>
                    <a:cubicBezTo>
                      <a:pt x="73631" y="131242"/>
                      <a:pt x="82175" y="130563"/>
                      <a:pt x="90605" y="129109"/>
                    </a:cubicBezTo>
                    <a:cubicBezTo>
                      <a:pt x="97799" y="127754"/>
                      <a:pt x="104751" y="125330"/>
                      <a:pt x="111230" y="121918"/>
                    </a:cubicBezTo>
                    <a:lnTo>
                      <a:pt x="104693" y="93383"/>
                    </a:lnTo>
                    <a:cubicBezTo>
                      <a:pt x="100218" y="95241"/>
                      <a:pt x="95606" y="96749"/>
                      <a:pt x="90899" y="97894"/>
                    </a:cubicBezTo>
                    <a:cubicBezTo>
                      <a:pt x="84117" y="99386"/>
                      <a:pt x="77188" y="100110"/>
                      <a:pt x="70242" y="100051"/>
                    </a:cubicBezTo>
                    <a:cubicBezTo>
                      <a:pt x="63191" y="100485"/>
                      <a:pt x="56226" y="98349"/>
                      <a:pt x="50630" y="94037"/>
                    </a:cubicBezTo>
                    <a:cubicBezTo>
                      <a:pt x="45773" y="89866"/>
                      <a:pt x="43001" y="83769"/>
                      <a:pt x="43047" y="77367"/>
                    </a:cubicBezTo>
                    <a:lnTo>
                      <a:pt x="119336" y="77367"/>
                    </a:lnTo>
                    <a:lnTo>
                      <a:pt x="119336" y="57919"/>
                    </a:lnTo>
                    <a:cubicBezTo>
                      <a:pt x="119336" y="39223"/>
                      <a:pt x="114260" y="24896"/>
                      <a:pt x="104104" y="14937"/>
                    </a:cubicBezTo>
                    <a:moveTo>
                      <a:pt x="43995" y="49911"/>
                    </a:moveTo>
                    <a:cubicBezTo>
                      <a:pt x="44070" y="44250"/>
                      <a:pt x="46208" y="38811"/>
                      <a:pt x="50009" y="34614"/>
                    </a:cubicBezTo>
                    <a:cubicBezTo>
                      <a:pt x="53399" y="31374"/>
                      <a:pt x="57939" y="29621"/>
                      <a:pt x="62626" y="29744"/>
                    </a:cubicBezTo>
                    <a:cubicBezTo>
                      <a:pt x="67588" y="29519"/>
                      <a:pt x="72389" y="31535"/>
                      <a:pt x="75700" y="35235"/>
                    </a:cubicBezTo>
                    <a:cubicBezTo>
                      <a:pt x="79080" y="39364"/>
                      <a:pt x="80845" y="44579"/>
                      <a:pt x="80669" y="49911"/>
                    </a:cubicBezTo>
                    <a:close/>
                  </a:path>
                </a:pathLst>
              </a:custGeom>
              <a:solidFill>
                <a:srgbClr val="000000"/>
              </a:solidFill>
              <a:ln w="326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159" name="Freeform: Shape 158">
                <a:extLst>
                  <a:ext uri="{FF2B5EF4-FFF2-40B4-BE49-F238E27FC236}">
                    <a16:creationId xmlns:a16="http://schemas.microsoft.com/office/drawing/2014/main" id="{1A8368F3-61D3-A45A-5D58-C6F4DCF7F5A9}"/>
                  </a:ext>
                </a:extLst>
              </p:cNvPr>
              <p:cNvSpPr/>
              <p:nvPr/>
            </p:nvSpPr>
            <p:spPr>
              <a:xfrm>
                <a:off x="4745562" y="3726060"/>
                <a:ext cx="119433" cy="131146"/>
              </a:xfrm>
              <a:custGeom>
                <a:avLst/>
                <a:gdLst>
                  <a:gd name="connsiteX0" fmla="*/ 104202 w 119433"/>
                  <a:gd name="connsiteY0" fmla="*/ 14937 h 131146"/>
                  <a:gd name="connsiteX1" fmla="*/ 61024 w 119433"/>
                  <a:gd name="connsiteY1" fmla="*/ 0 h 131146"/>
                  <a:gd name="connsiteX2" fmla="*/ 15853 w 119433"/>
                  <a:gd name="connsiteY2" fmla="*/ 17160 h 131146"/>
                  <a:gd name="connsiteX3" fmla="*/ 0 w 119433"/>
                  <a:gd name="connsiteY3" fmla="*/ 66418 h 131146"/>
                  <a:gd name="connsiteX4" fmla="*/ 17095 w 119433"/>
                  <a:gd name="connsiteY4" fmla="*/ 114302 h 131146"/>
                  <a:gd name="connsiteX5" fmla="*/ 65077 w 119433"/>
                  <a:gd name="connsiteY5" fmla="*/ 131136 h 131146"/>
                  <a:gd name="connsiteX6" fmla="*/ 90638 w 119433"/>
                  <a:gd name="connsiteY6" fmla="*/ 129109 h 131146"/>
                  <a:gd name="connsiteX7" fmla="*/ 111361 w 119433"/>
                  <a:gd name="connsiteY7" fmla="*/ 121820 h 131146"/>
                  <a:gd name="connsiteX8" fmla="*/ 104823 w 119433"/>
                  <a:gd name="connsiteY8" fmla="*/ 93383 h 131146"/>
                  <a:gd name="connsiteX9" fmla="*/ 91030 w 119433"/>
                  <a:gd name="connsiteY9" fmla="*/ 97894 h 131146"/>
                  <a:gd name="connsiteX10" fmla="*/ 70340 w 119433"/>
                  <a:gd name="connsiteY10" fmla="*/ 100051 h 131146"/>
                  <a:gd name="connsiteX11" fmla="*/ 50728 w 119433"/>
                  <a:gd name="connsiteY11" fmla="*/ 94037 h 131146"/>
                  <a:gd name="connsiteX12" fmla="*/ 43145 w 119433"/>
                  <a:gd name="connsiteY12" fmla="*/ 77367 h 131146"/>
                  <a:gd name="connsiteX13" fmla="*/ 119434 w 119433"/>
                  <a:gd name="connsiteY13" fmla="*/ 77367 h 131146"/>
                  <a:gd name="connsiteX14" fmla="*/ 119434 w 119433"/>
                  <a:gd name="connsiteY14" fmla="*/ 57919 h 131146"/>
                  <a:gd name="connsiteX15" fmla="*/ 104202 w 119433"/>
                  <a:gd name="connsiteY15" fmla="*/ 14937 h 131146"/>
                  <a:gd name="connsiteX16" fmla="*/ 43995 w 119433"/>
                  <a:gd name="connsiteY16" fmla="*/ 49911 h 131146"/>
                  <a:gd name="connsiteX17" fmla="*/ 49944 w 119433"/>
                  <a:gd name="connsiteY17" fmla="*/ 34647 h 131146"/>
                  <a:gd name="connsiteX18" fmla="*/ 62561 w 119433"/>
                  <a:gd name="connsiteY18" fmla="*/ 29777 h 131146"/>
                  <a:gd name="connsiteX19" fmla="*/ 75635 w 119433"/>
                  <a:gd name="connsiteY19" fmla="*/ 35268 h 131146"/>
                  <a:gd name="connsiteX20" fmla="*/ 80701 w 119433"/>
                  <a:gd name="connsiteY20" fmla="*/ 49911 h 13114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l="l" t="t" r="r" b="b"/>
                <a:pathLst>
                  <a:path w="119433" h="131146">
                    <a:moveTo>
                      <a:pt x="104202" y="14937"/>
                    </a:moveTo>
                    <a:cubicBezTo>
                      <a:pt x="94070" y="5001"/>
                      <a:pt x="79677" y="22"/>
                      <a:pt x="61024" y="0"/>
                    </a:cubicBezTo>
                    <a:cubicBezTo>
                      <a:pt x="41413" y="0"/>
                      <a:pt x="26356" y="5720"/>
                      <a:pt x="15853" y="17160"/>
                    </a:cubicBezTo>
                    <a:cubicBezTo>
                      <a:pt x="5350" y="28600"/>
                      <a:pt x="65" y="45019"/>
                      <a:pt x="0" y="66418"/>
                    </a:cubicBezTo>
                    <a:cubicBezTo>
                      <a:pt x="0" y="87140"/>
                      <a:pt x="5698" y="103102"/>
                      <a:pt x="17095" y="114302"/>
                    </a:cubicBezTo>
                    <a:cubicBezTo>
                      <a:pt x="28491" y="125503"/>
                      <a:pt x="44485" y="131114"/>
                      <a:pt x="65077" y="131136"/>
                    </a:cubicBezTo>
                    <a:cubicBezTo>
                      <a:pt x="73641" y="131240"/>
                      <a:pt x="82197" y="130562"/>
                      <a:pt x="90638" y="129109"/>
                    </a:cubicBezTo>
                    <a:cubicBezTo>
                      <a:pt x="97872" y="127735"/>
                      <a:pt x="104859" y="125278"/>
                      <a:pt x="111361" y="121820"/>
                    </a:cubicBezTo>
                    <a:lnTo>
                      <a:pt x="104823" y="93383"/>
                    </a:lnTo>
                    <a:cubicBezTo>
                      <a:pt x="100347" y="95236"/>
                      <a:pt x="95736" y="96744"/>
                      <a:pt x="91030" y="97894"/>
                    </a:cubicBezTo>
                    <a:cubicBezTo>
                      <a:pt x="84236" y="99384"/>
                      <a:pt x="77295" y="100108"/>
                      <a:pt x="70340" y="100051"/>
                    </a:cubicBezTo>
                    <a:cubicBezTo>
                      <a:pt x="63293" y="100465"/>
                      <a:pt x="56332" y="98330"/>
                      <a:pt x="50728" y="94037"/>
                    </a:cubicBezTo>
                    <a:cubicBezTo>
                      <a:pt x="45883" y="89858"/>
                      <a:pt x="43112" y="83766"/>
                      <a:pt x="43145" y="77367"/>
                    </a:cubicBezTo>
                    <a:lnTo>
                      <a:pt x="119434" y="77367"/>
                    </a:lnTo>
                    <a:lnTo>
                      <a:pt x="119434" y="57919"/>
                    </a:lnTo>
                    <a:cubicBezTo>
                      <a:pt x="119434" y="39223"/>
                      <a:pt x="114357" y="24896"/>
                      <a:pt x="104202" y="14937"/>
                    </a:cubicBezTo>
                    <a:moveTo>
                      <a:pt x="43995" y="49911"/>
                    </a:moveTo>
                    <a:cubicBezTo>
                      <a:pt x="44059" y="44270"/>
                      <a:pt x="46174" y="38844"/>
                      <a:pt x="49944" y="34647"/>
                    </a:cubicBezTo>
                    <a:cubicBezTo>
                      <a:pt x="53332" y="31407"/>
                      <a:pt x="57874" y="29654"/>
                      <a:pt x="62561" y="29777"/>
                    </a:cubicBezTo>
                    <a:cubicBezTo>
                      <a:pt x="67522" y="29551"/>
                      <a:pt x="72323" y="31567"/>
                      <a:pt x="75635" y="35268"/>
                    </a:cubicBezTo>
                    <a:cubicBezTo>
                      <a:pt x="79025" y="39384"/>
                      <a:pt x="80823" y="44581"/>
                      <a:pt x="80701" y="49911"/>
                    </a:cubicBezTo>
                    <a:close/>
                  </a:path>
                </a:pathLst>
              </a:custGeom>
              <a:solidFill>
                <a:srgbClr val="000000"/>
              </a:solidFill>
              <a:ln w="326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grpSp>
      </p:grpSp>
      <p:grpSp>
        <p:nvGrpSpPr>
          <p:cNvPr id="200" name="Group 199">
            <a:extLst>
              <a:ext uri="{FF2B5EF4-FFF2-40B4-BE49-F238E27FC236}">
                <a16:creationId xmlns:a16="http://schemas.microsoft.com/office/drawing/2014/main" id="{6424331F-199E-CA0C-AC27-53BC1E9F4E24}"/>
              </a:ext>
            </a:extLst>
          </p:cNvPr>
          <p:cNvGrpSpPr/>
          <p:nvPr/>
        </p:nvGrpSpPr>
        <p:grpSpPr>
          <a:xfrm>
            <a:off x="675279" y="4125730"/>
            <a:ext cx="11090109" cy="484728"/>
            <a:chOff x="675279" y="4226312"/>
            <a:chExt cx="11090109" cy="484728"/>
          </a:xfrm>
        </p:grpSpPr>
        <p:sp>
          <p:nvSpPr>
            <p:cNvPr id="201" name="Rectangle 200">
              <a:extLst>
                <a:ext uri="{FF2B5EF4-FFF2-40B4-BE49-F238E27FC236}">
                  <a16:creationId xmlns:a16="http://schemas.microsoft.com/office/drawing/2014/main" id="{96665206-61D8-E222-9681-F05DDFA7A1F1}"/>
                </a:ext>
              </a:extLst>
            </p:cNvPr>
            <p:cNvSpPr/>
            <p:nvPr/>
          </p:nvSpPr>
          <p:spPr>
            <a:xfrm>
              <a:off x="675279" y="4226312"/>
              <a:ext cx="1590701" cy="459727"/>
            </a:xfrm>
            <a:prstGeom prst="rect">
              <a:avLst/>
            </a:prstGeom>
            <a:solidFill>
              <a:srgbClr val="045694"/>
            </a:solidFill>
            <a:ln w="3175">
              <a:solidFill>
                <a:srgbClr val="01597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100" i="0" u="none" strike="noStrike" kern="1200" cap="none" spc="0" normalizeH="0" baseline="0" noProof="0">
                  <a:ln>
                    <a:noFill/>
                  </a:ln>
                  <a:solidFill>
                    <a:prstClr val="white"/>
                  </a:solidFill>
                  <a:effectLst/>
                  <a:uLnTx/>
                  <a:uFillTx/>
                  <a:latin typeface="Roboto" panose="02000000000000000000" pitchFamily="2" charset="0"/>
                  <a:ea typeface="Roboto" panose="02000000000000000000" pitchFamily="2" charset="0"/>
                  <a:cs typeface="Roboto" panose="02000000000000000000" pitchFamily="2" charset="0"/>
                </a:rPr>
                <a:t>Retail</a:t>
              </a:r>
            </a:p>
          </p:txBody>
        </p:sp>
        <p:sp>
          <p:nvSpPr>
            <p:cNvPr id="202" name="Rectangle 201">
              <a:extLst>
                <a:ext uri="{FF2B5EF4-FFF2-40B4-BE49-F238E27FC236}">
                  <a16:creationId xmlns:a16="http://schemas.microsoft.com/office/drawing/2014/main" id="{CFA0383E-823D-207F-D7CF-C60CDF626223}"/>
                </a:ext>
              </a:extLst>
            </p:cNvPr>
            <p:cNvSpPr/>
            <p:nvPr/>
          </p:nvSpPr>
          <p:spPr>
            <a:xfrm rot="16200000">
              <a:off x="6780740" y="-298608"/>
              <a:ext cx="459727" cy="9509568"/>
            </a:xfrm>
            <a:prstGeom prst="rect">
              <a:avLst/>
            </a:prstGeom>
            <a:solidFill>
              <a:schemeClr val="bg1"/>
            </a:solidFill>
            <a:ln w="3175">
              <a:solidFill>
                <a:schemeClr val="bg1">
                  <a:lumMod val="65000"/>
                </a:schemeClr>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100" b="1" i="0" u="none" strike="noStrike" kern="1200" cap="none" spc="0" normalizeH="0" baseline="0" noProof="0">
                <a:ln>
                  <a:noFill/>
                </a:ln>
                <a:solidFill>
                  <a:prstClr val="white"/>
                </a:solidFill>
                <a:effectLst/>
                <a:uLnTx/>
                <a:uFillTx/>
                <a:latin typeface="Roboto" panose="02000000000000000000" pitchFamily="2" charset="0"/>
                <a:ea typeface="Roboto" panose="02000000000000000000" pitchFamily="2" charset="0"/>
                <a:cs typeface="Roboto" panose="02000000000000000000" pitchFamily="2" charset="0"/>
              </a:endParaRPr>
            </a:p>
          </p:txBody>
        </p:sp>
        <p:pic>
          <p:nvPicPr>
            <p:cNvPr id="203" name="Picture 202" descr="ABU_647037_AB_Univ_CMYK3.jpg">
              <a:extLst>
                <a:ext uri="{FF2B5EF4-FFF2-40B4-BE49-F238E27FC236}">
                  <a16:creationId xmlns:a16="http://schemas.microsoft.com/office/drawing/2014/main" id="{5BCEE20C-769B-5F9E-4CCF-4D2F8FEFCB81}"/>
                </a:ext>
              </a:extLst>
            </p:cNvPr>
            <p:cNvPicPr>
              <a:picLocks noChangeAspect="1"/>
            </p:cNvPicPr>
            <p:nvPr/>
          </p:nvPicPr>
          <p:blipFill>
            <a:blip r:embed="rId25" cstate="screen">
              <a:extLst>
                <a:ext uri="{28A0092B-C50C-407E-A947-70E740481C1C}">
                  <a14:useLocalDpi xmlns:a14="http://schemas.microsoft.com/office/drawing/2010/main"/>
                </a:ext>
              </a:extLst>
            </a:blip>
            <a:stretch>
              <a:fillRect/>
            </a:stretch>
          </p:blipFill>
          <p:spPr>
            <a:xfrm>
              <a:off x="2573308" y="4289620"/>
              <a:ext cx="323629" cy="320425"/>
            </a:xfrm>
            <a:prstGeom prst="rect">
              <a:avLst/>
            </a:prstGeom>
          </p:spPr>
        </p:pic>
        <p:pic>
          <p:nvPicPr>
            <p:cNvPr id="204" name="Picture 58" descr="http://www.cleolexicom.com/img/logo/customer-logos/logo-dunkin-brands.png">
              <a:extLst>
                <a:ext uri="{FF2B5EF4-FFF2-40B4-BE49-F238E27FC236}">
                  <a16:creationId xmlns:a16="http://schemas.microsoft.com/office/drawing/2014/main" id="{E1C14671-34F0-A412-8D47-F3EE324BCC09}"/>
                </a:ext>
              </a:extLst>
            </p:cNvPr>
            <p:cNvPicPr>
              <a:picLocks noChangeAspect="1" noChangeArrowheads="1"/>
            </p:cNvPicPr>
            <p:nvPr/>
          </p:nvPicPr>
          <p:blipFill>
            <a:blip r:embed="rId26" cstate="screen">
              <a:lum bright="-10000"/>
              <a:extLst>
                <a:ext uri="{28A0092B-C50C-407E-A947-70E740481C1C}">
                  <a14:useLocalDpi xmlns:a14="http://schemas.microsoft.com/office/drawing/2010/main"/>
                </a:ext>
              </a:extLst>
            </a:blip>
            <a:srcRect/>
            <a:stretch>
              <a:fillRect/>
            </a:stretch>
          </p:blipFill>
          <p:spPr bwMode="auto">
            <a:xfrm>
              <a:off x="3204264" y="4232801"/>
              <a:ext cx="842197" cy="478239"/>
            </a:xfrm>
            <a:prstGeom prst="rect">
              <a:avLst/>
            </a:prstGeom>
            <a:noFill/>
          </p:spPr>
        </p:pic>
        <p:pic>
          <p:nvPicPr>
            <p:cNvPr id="205" name="Picture 12" descr="http://photos.prnewswire.com/prnfull/20130531/PH23900LOGO">
              <a:extLst>
                <a:ext uri="{FF2B5EF4-FFF2-40B4-BE49-F238E27FC236}">
                  <a16:creationId xmlns:a16="http://schemas.microsoft.com/office/drawing/2014/main" id="{E565D83F-C81B-B22B-ED61-9389657197A5}"/>
                </a:ext>
              </a:extLst>
            </p:cNvPr>
            <p:cNvPicPr>
              <a:picLocks noChangeAspect="1" noChangeArrowheads="1"/>
            </p:cNvPicPr>
            <p:nvPr/>
          </p:nvPicPr>
          <p:blipFill>
            <a:blip r:embed="rId27" cstate="screen">
              <a:extLst>
                <a:ext uri="{28A0092B-C50C-407E-A947-70E740481C1C}">
                  <a14:useLocalDpi xmlns:a14="http://schemas.microsoft.com/office/drawing/2010/main"/>
                </a:ext>
              </a:extLst>
            </a:blip>
            <a:srcRect/>
            <a:stretch>
              <a:fillRect/>
            </a:stretch>
          </p:blipFill>
          <p:spPr bwMode="auto">
            <a:xfrm>
              <a:off x="7269550" y="4364989"/>
              <a:ext cx="883218" cy="169685"/>
            </a:xfrm>
            <a:prstGeom prst="rect">
              <a:avLst/>
            </a:prstGeom>
            <a:noFill/>
          </p:spPr>
        </p:pic>
        <p:pic>
          <p:nvPicPr>
            <p:cNvPr id="206" name="Picture 205">
              <a:extLst>
                <a:ext uri="{FF2B5EF4-FFF2-40B4-BE49-F238E27FC236}">
                  <a16:creationId xmlns:a16="http://schemas.microsoft.com/office/drawing/2014/main" id="{7C011264-D9A1-0961-7129-9E87DBE4C2A9}"/>
                </a:ext>
              </a:extLst>
            </p:cNvPr>
            <p:cNvPicPr>
              <a:picLocks noChangeAspect="1"/>
            </p:cNvPicPr>
            <p:nvPr/>
          </p:nvPicPr>
          <p:blipFill rotWithShape="1">
            <a:blip r:embed="rId28" cstate="screen">
              <a:extLst>
                <a:ext uri="{28A0092B-C50C-407E-A947-70E740481C1C}">
                  <a14:useLocalDpi xmlns:a14="http://schemas.microsoft.com/office/drawing/2010/main"/>
                </a:ext>
              </a:extLst>
            </a:blip>
            <a:srcRect t="29348" b="29347"/>
            <a:stretch/>
          </p:blipFill>
          <p:spPr>
            <a:xfrm>
              <a:off x="9931111" y="4338646"/>
              <a:ext cx="538363" cy="222371"/>
            </a:xfrm>
            <a:prstGeom prst="rect">
              <a:avLst/>
            </a:prstGeom>
          </p:spPr>
        </p:pic>
        <p:grpSp>
          <p:nvGrpSpPr>
            <p:cNvPr id="207" name="Graphic 117">
              <a:extLst>
                <a:ext uri="{FF2B5EF4-FFF2-40B4-BE49-F238E27FC236}">
                  <a16:creationId xmlns:a16="http://schemas.microsoft.com/office/drawing/2014/main" id="{F2D1A9FC-FBFA-550A-904F-C23332BA9574}"/>
                </a:ext>
              </a:extLst>
            </p:cNvPr>
            <p:cNvGrpSpPr/>
            <p:nvPr/>
          </p:nvGrpSpPr>
          <p:grpSpPr>
            <a:xfrm>
              <a:off x="5875543" y="4362828"/>
              <a:ext cx="962868" cy="178012"/>
              <a:chOff x="5611882" y="4285011"/>
              <a:chExt cx="1165070" cy="215394"/>
            </a:xfrm>
            <a:solidFill>
              <a:srgbClr val="FD0702"/>
            </a:solidFill>
          </p:grpSpPr>
          <p:sp>
            <p:nvSpPr>
              <p:cNvPr id="221" name="Freeform: Shape 220">
                <a:extLst>
                  <a:ext uri="{FF2B5EF4-FFF2-40B4-BE49-F238E27FC236}">
                    <a16:creationId xmlns:a16="http://schemas.microsoft.com/office/drawing/2014/main" id="{4E5D75B3-DE35-1BCE-36C4-F643112850E6}"/>
                  </a:ext>
                </a:extLst>
              </p:cNvPr>
              <p:cNvSpPr/>
              <p:nvPr/>
            </p:nvSpPr>
            <p:spPr>
              <a:xfrm>
                <a:off x="5611882" y="4285011"/>
                <a:ext cx="1123101" cy="215394"/>
              </a:xfrm>
              <a:custGeom>
                <a:avLst/>
                <a:gdLst>
                  <a:gd name="connsiteX0" fmla="*/ 145378 w 1123101"/>
                  <a:gd name="connsiteY0" fmla="*/ 153456 h 215394"/>
                  <a:gd name="connsiteX1" fmla="*/ 156147 w 1123101"/>
                  <a:gd name="connsiteY1" fmla="*/ 107237 h 215394"/>
                  <a:gd name="connsiteX2" fmla="*/ 165122 w 1123101"/>
                  <a:gd name="connsiteY2" fmla="*/ 153456 h 215394"/>
                  <a:gd name="connsiteX3" fmla="*/ 62371 w 1123101"/>
                  <a:gd name="connsiteY3" fmla="*/ 112624 h 215394"/>
                  <a:gd name="connsiteX4" fmla="*/ 41283 w 1123101"/>
                  <a:gd name="connsiteY4" fmla="*/ 139544 h 215394"/>
                  <a:gd name="connsiteX5" fmla="*/ 41283 w 1123101"/>
                  <a:gd name="connsiteY5" fmla="*/ 100060 h 215394"/>
                  <a:gd name="connsiteX6" fmla="*/ 50704 w 1123101"/>
                  <a:gd name="connsiteY6" fmla="*/ 98266 h 215394"/>
                  <a:gd name="connsiteX7" fmla="*/ 62371 w 1123101"/>
                  <a:gd name="connsiteY7" fmla="*/ 112624 h 215394"/>
                  <a:gd name="connsiteX8" fmla="*/ 385880 w 1123101"/>
                  <a:gd name="connsiteY8" fmla="*/ 144927 h 215394"/>
                  <a:gd name="connsiteX9" fmla="*/ 398443 w 1123101"/>
                  <a:gd name="connsiteY9" fmla="*/ 88394 h 215394"/>
                  <a:gd name="connsiteX10" fmla="*/ 410080 w 1123101"/>
                  <a:gd name="connsiteY10" fmla="*/ 144927 h 215394"/>
                  <a:gd name="connsiteX11" fmla="*/ 280437 w 1123101"/>
                  <a:gd name="connsiteY11" fmla="*/ 64165 h 215394"/>
                  <a:gd name="connsiteX12" fmla="*/ 298834 w 1123101"/>
                  <a:gd name="connsiteY12" fmla="*/ 83458 h 215394"/>
                  <a:gd name="connsiteX13" fmla="*/ 277295 w 1123101"/>
                  <a:gd name="connsiteY13" fmla="*/ 111727 h 215394"/>
                  <a:gd name="connsiteX14" fmla="*/ 277295 w 1123101"/>
                  <a:gd name="connsiteY14" fmla="*/ 64165 h 215394"/>
                  <a:gd name="connsiteX15" fmla="*/ 1071480 w 1123101"/>
                  <a:gd name="connsiteY15" fmla="*/ 107911 h 215394"/>
                  <a:gd name="connsiteX16" fmla="*/ 1079447 w 1123101"/>
                  <a:gd name="connsiteY16" fmla="*/ 101854 h 215394"/>
                  <a:gd name="connsiteX17" fmla="*/ 1116347 w 1123101"/>
                  <a:gd name="connsiteY17" fmla="*/ 119795 h 215394"/>
                  <a:gd name="connsiteX18" fmla="*/ 1116347 w 1123101"/>
                  <a:gd name="connsiteY18" fmla="*/ 79870 h 215394"/>
                  <a:gd name="connsiteX19" fmla="*/ 1071863 w 1123101"/>
                  <a:gd name="connsiteY19" fmla="*/ 65100 h 215394"/>
                  <a:gd name="connsiteX20" fmla="*/ 1027957 w 1123101"/>
                  <a:gd name="connsiteY20" fmla="*/ 108459 h 215394"/>
                  <a:gd name="connsiteX21" fmla="*/ 1079554 w 1123101"/>
                  <a:gd name="connsiteY21" fmla="*/ 170873 h 215394"/>
                  <a:gd name="connsiteX22" fmla="*/ 1069260 w 1123101"/>
                  <a:gd name="connsiteY22" fmla="*/ 178146 h 215394"/>
                  <a:gd name="connsiteX23" fmla="*/ 1027957 w 1123101"/>
                  <a:gd name="connsiteY23" fmla="*/ 161544 h 215394"/>
                  <a:gd name="connsiteX24" fmla="*/ 1027957 w 1123101"/>
                  <a:gd name="connsiteY24" fmla="*/ 203728 h 215394"/>
                  <a:gd name="connsiteX25" fmla="*/ 1074021 w 1123101"/>
                  <a:gd name="connsiteY25" fmla="*/ 215395 h 215394"/>
                  <a:gd name="connsiteX26" fmla="*/ 1123101 w 1123101"/>
                  <a:gd name="connsiteY26" fmla="*/ 170262 h 215394"/>
                  <a:gd name="connsiteX27" fmla="*/ 1071480 w 1123101"/>
                  <a:gd name="connsiteY27" fmla="*/ 107911 h 215394"/>
                  <a:gd name="connsiteX28" fmla="*/ 105894 w 1123101"/>
                  <a:gd name="connsiteY28" fmla="*/ 106791 h 215394"/>
                  <a:gd name="connsiteX29" fmla="*/ 58782 w 1123101"/>
                  <a:gd name="connsiteY29" fmla="*/ 61022 h 215394"/>
                  <a:gd name="connsiteX30" fmla="*/ 0 w 1123101"/>
                  <a:gd name="connsiteY30" fmla="*/ 76277 h 215394"/>
                  <a:gd name="connsiteX31" fmla="*/ 0 w 1123101"/>
                  <a:gd name="connsiteY31" fmla="*/ 211336 h 215394"/>
                  <a:gd name="connsiteX32" fmla="*/ 41283 w 1123101"/>
                  <a:gd name="connsiteY32" fmla="*/ 211336 h 215394"/>
                  <a:gd name="connsiteX33" fmla="*/ 41283 w 1123101"/>
                  <a:gd name="connsiteY33" fmla="*/ 179028 h 215394"/>
                  <a:gd name="connsiteX34" fmla="*/ 105894 w 1123101"/>
                  <a:gd name="connsiteY34" fmla="*/ 106791 h 215394"/>
                  <a:gd name="connsiteX35" fmla="*/ 664513 w 1123101"/>
                  <a:gd name="connsiteY35" fmla="*/ 53381 h 215394"/>
                  <a:gd name="connsiteX36" fmla="*/ 692336 w 1123101"/>
                  <a:gd name="connsiteY36" fmla="*/ 107688 h 215394"/>
                  <a:gd name="connsiteX37" fmla="*/ 664513 w 1123101"/>
                  <a:gd name="connsiteY37" fmla="*/ 161994 h 215394"/>
                  <a:gd name="connsiteX38" fmla="*/ 636695 w 1123101"/>
                  <a:gd name="connsiteY38" fmla="*/ 107688 h 215394"/>
                  <a:gd name="connsiteX39" fmla="*/ 664513 w 1123101"/>
                  <a:gd name="connsiteY39" fmla="*/ 53381 h 215394"/>
                  <a:gd name="connsiteX40" fmla="*/ 84801 w 1123101"/>
                  <a:gd name="connsiteY40" fmla="*/ 211336 h 215394"/>
                  <a:gd name="connsiteX41" fmla="*/ 128770 w 1123101"/>
                  <a:gd name="connsiteY41" fmla="*/ 211336 h 215394"/>
                  <a:gd name="connsiteX42" fmla="*/ 135074 w 1123101"/>
                  <a:gd name="connsiteY42" fmla="*/ 189352 h 215394"/>
                  <a:gd name="connsiteX43" fmla="*/ 173195 w 1123101"/>
                  <a:gd name="connsiteY43" fmla="*/ 189352 h 215394"/>
                  <a:gd name="connsiteX44" fmla="*/ 178582 w 1123101"/>
                  <a:gd name="connsiteY44" fmla="*/ 211336 h 215394"/>
                  <a:gd name="connsiteX45" fmla="*/ 224797 w 1123101"/>
                  <a:gd name="connsiteY45" fmla="*/ 211336 h 215394"/>
                  <a:gd name="connsiteX46" fmla="*/ 177685 w 1123101"/>
                  <a:gd name="connsiteY46" fmla="*/ 34102 h 215394"/>
                  <a:gd name="connsiteX47" fmla="*/ 138201 w 1123101"/>
                  <a:gd name="connsiteY47" fmla="*/ 40832 h 215394"/>
                  <a:gd name="connsiteX48" fmla="*/ 929691 w 1123101"/>
                  <a:gd name="connsiteY48" fmla="*/ 32754 h 215394"/>
                  <a:gd name="connsiteX49" fmla="*/ 896937 w 1123101"/>
                  <a:gd name="connsiteY49" fmla="*/ 27372 h 215394"/>
                  <a:gd name="connsiteX50" fmla="*/ 896937 w 1123101"/>
                  <a:gd name="connsiteY50" fmla="*/ 211336 h 215394"/>
                  <a:gd name="connsiteX51" fmla="*/ 939122 w 1123101"/>
                  <a:gd name="connsiteY51" fmla="*/ 211336 h 215394"/>
                  <a:gd name="connsiteX52" fmla="*/ 939122 w 1123101"/>
                  <a:gd name="connsiteY52" fmla="*/ 135505 h 215394"/>
                  <a:gd name="connsiteX53" fmla="*/ 983988 w 1123101"/>
                  <a:gd name="connsiteY53" fmla="*/ 211336 h 215394"/>
                  <a:gd name="connsiteX54" fmla="*/ 1016296 w 1123101"/>
                  <a:gd name="connsiteY54" fmla="*/ 211336 h 215394"/>
                  <a:gd name="connsiteX55" fmla="*/ 1016296 w 1123101"/>
                  <a:gd name="connsiteY55" fmla="*/ 50704 h 215394"/>
                  <a:gd name="connsiteX56" fmla="*/ 975915 w 1123101"/>
                  <a:gd name="connsiteY56" fmla="*/ 41729 h 215394"/>
                  <a:gd name="connsiteX57" fmla="*/ 975915 w 1123101"/>
                  <a:gd name="connsiteY57" fmla="*/ 120702 h 215394"/>
                  <a:gd name="connsiteX58" fmla="*/ 345945 w 1123101"/>
                  <a:gd name="connsiteY58" fmla="*/ 79419 h 215394"/>
                  <a:gd name="connsiteX59" fmla="*/ 279516 w 1123101"/>
                  <a:gd name="connsiteY59" fmla="*/ 19293 h 215394"/>
                  <a:gd name="connsiteX60" fmla="*/ 230610 w 1123101"/>
                  <a:gd name="connsiteY60" fmla="*/ 26024 h 215394"/>
                  <a:gd name="connsiteX61" fmla="*/ 230610 w 1123101"/>
                  <a:gd name="connsiteY61" fmla="*/ 211336 h 215394"/>
                  <a:gd name="connsiteX62" fmla="*/ 277300 w 1123101"/>
                  <a:gd name="connsiteY62" fmla="*/ 211336 h 215394"/>
                  <a:gd name="connsiteX63" fmla="*/ 277300 w 1123101"/>
                  <a:gd name="connsiteY63" fmla="*/ 161510 h 215394"/>
                  <a:gd name="connsiteX64" fmla="*/ 345945 w 1123101"/>
                  <a:gd name="connsiteY64" fmla="*/ 79419 h 215394"/>
                  <a:gd name="connsiteX65" fmla="*/ 800916 w 1123101"/>
                  <a:gd name="connsiteY65" fmla="*/ 96021 h 215394"/>
                  <a:gd name="connsiteX66" fmla="*/ 800916 w 1123101"/>
                  <a:gd name="connsiteY66" fmla="*/ 15705 h 215394"/>
                  <a:gd name="connsiteX67" fmla="*/ 753804 w 1123101"/>
                  <a:gd name="connsiteY67" fmla="*/ 10769 h 215394"/>
                  <a:gd name="connsiteX68" fmla="*/ 753804 w 1123101"/>
                  <a:gd name="connsiteY68" fmla="*/ 211336 h 215394"/>
                  <a:gd name="connsiteX69" fmla="*/ 800916 w 1123101"/>
                  <a:gd name="connsiteY69" fmla="*/ 211336 h 215394"/>
                  <a:gd name="connsiteX70" fmla="*/ 800916 w 1123101"/>
                  <a:gd name="connsiteY70" fmla="*/ 139544 h 215394"/>
                  <a:gd name="connsiteX71" fmla="*/ 831875 w 1123101"/>
                  <a:gd name="connsiteY71" fmla="*/ 139544 h 215394"/>
                  <a:gd name="connsiteX72" fmla="*/ 831875 w 1123101"/>
                  <a:gd name="connsiteY72" fmla="*/ 211336 h 215394"/>
                  <a:gd name="connsiteX73" fmla="*/ 878991 w 1123101"/>
                  <a:gd name="connsiteY73" fmla="*/ 211336 h 215394"/>
                  <a:gd name="connsiteX74" fmla="*/ 878991 w 1123101"/>
                  <a:gd name="connsiteY74" fmla="*/ 25141 h 215394"/>
                  <a:gd name="connsiteX75" fmla="*/ 831875 w 1123101"/>
                  <a:gd name="connsiteY75" fmla="*/ 18862 h 215394"/>
                  <a:gd name="connsiteX76" fmla="*/ 831875 w 1123101"/>
                  <a:gd name="connsiteY76" fmla="*/ 96021 h 215394"/>
                  <a:gd name="connsiteX77" fmla="*/ 319911 w 1123101"/>
                  <a:gd name="connsiteY77" fmla="*/ 211336 h 215394"/>
                  <a:gd name="connsiteX78" fmla="*/ 368371 w 1123101"/>
                  <a:gd name="connsiteY78" fmla="*/ 211336 h 215394"/>
                  <a:gd name="connsiteX79" fmla="*/ 375547 w 1123101"/>
                  <a:gd name="connsiteY79" fmla="*/ 183518 h 215394"/>
                  <a:gd name="connsiteX80" fmla="*/ 419080 w 1123101"/>
                  <a:gd name="connsiteY80" fmla="*/ 183518 h 215394"/>
                  <a:gd name="connsiteX81" fmla="*/ 427158 w 1123101"/>
                  <a:gd name="connsiteY81" fmla="*/ 211336 h 215394"/>
                  <a:gd name="connsiteX82" fmla="*/ 476514 w 1123101"/>
                  <a:gd name="connsiteY82" fmla="*/ 211336 h 215394"/>
                  <a:gd name="connsiteX83" fmla="*/ 420874 w 1123101"/>
                  <a:gd name="connsiteY83" fmla="*/ 7627 h 215394"/>
                  <a:gd name="connsiteX84" fmla="*/ 379150 w 1123101"/>
                  <a:gd name="connsiteY84" fmla="*/ 10323 h 215394"/>
                  <a:gd name="connsiteX85" fmla="*/ 527204 w 1123101"/>
                  <a:gd name="connsiteY85" fmla="*/ 153456 h 215394"/>
                  <a:gd name="connsiteX86" fmla="*/ 511503 w 1123101"/>
                  <a:gd name="connsiteY86" fmla="*/ 169607 h 215394"/>
                  <a:gd name="connsiteX87" fmla="*/ 495347 w 1123101"/>
                  <a:gd name="connsiteY87" fmla="*/ 166019 h 215394"/>
                  <a:gd name="connsiteX88" fmla="*/ 495347 w 1123101"/>
                  <a:gd name="connsiteY88" fmla="*/ 211782 h 215394"/>
                  <a:gd name="connsiteX89" fmla="*/ 521822 w 1123101"/>
                  <a:gd name="connsiteY89" fmla="*/ 215375 h 215394"/>
                  <a:gd name="connsiteX90" fmla="*/ 575644 w 1123101"/>
                  <a:gd name="connsiteY90" fmla="*/ 156593 h 215394"/>
                  <a:gd name="connsiteX91" fmla="*/ 575644 w 1123101"/>
                  <a:gd name="connsiteY91" fmla="*/ 3142 h 215394"/>
                  <a:gd name="connsiteX92" fmla="*/ 527184 w 1123101"/>
                  <a:gd name="connsiteY92" fmla="*/ 3142 h 215394"/>
                  <a:gd name="connsiteX93" fmla="*/ 664503 w 1123101"/>
                  <a:gd name="connsiteY93" fmla="*/ 215375 h 215394"/>
                  <a:gd name="connsiteX94" fmla="*/ 742128 w 1123101"/>
                  <a:gd name="connsiteY94" fmla="*/ 107688 h 215394"/>
                  <a:gd name="connsiteX95" fmla="*/ 663160 w 1123101"/>
                  <a:gd name="connsiteY95" fmla="*/ 0 h 215394"/>
                  <a:gd name="connsiteX96" fmla="*/ 586883 w 1123101"/>
                  <a:gd name="connsiteY96" fmla="*/ 107688 h 215394"/>
                  <a:gd name="connsiteX97" fmla="*/ 664513 w 1123101"/>
                  <a:gd name="connsiteY97" fmla="*/ 215375 h 21539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 ang="0">
                    <a:pos x="connsiteX76" y="connsiteY76"/>
                  </a:cxn>
                  <a:cxn ang="0">
                    <a:pos x="connsiteX77" y="connsiteY77"/>
                  </a:cxn>
                  <a:cxn ang="0">
                    <a:pos x="connsiteX78" y="connsiteY78"/>
                  </a:cxn>
                  <a:cxn ang="0">
                    <a:pos x="connsiteX79" y="connsiteY79"/>
                  </a:cxn>
                  <a:cxn ang="0">
                    <a:pos x="connsiteX80" y="connsiteY80"/>
                  </a:cxn>
                  <a:cxn ang="0">
                    <a:pos x="connsiteX81" y="connsiteY81"/>
                  </a:cxn>
                  <a:cxn ang="0">
                    <a:pos x="connsiteX82" y="connsiteY82"/>
                  </a:cxn>
                  <a:cxn ang="0">
                    <a:pos x="connsiteX83" y="connsiteY83"/>
                  </a:cxn>
                  <a:cxn ang="0">
                    <a:pos x="connsiteX84" y="connsiteY84"/>
                  </a:cxn>
                  <a:cxn ang="0">
                    <a:pos x="connsiteX85" y="connsiteY85"/>
                  </a:cxn>
                  <a:cxn ang="0">
                    <a:pos x="connsiteX86" y="connsiteY86"/>
                  </a:cxn>
                  <a:cxn ang="0">
                    <a:pos x="connsiteX87" y="connsiteY87"/>
                  </a:cxn>
                  <a:cxn ang="0">
                    <a:pos x="connsiteX88" y="connsiteY88"/>
                  </a:cxn>
                  <a:cxn ang="0">
                    <a:pos x="connsiteX89" y="connsiteY89"/>
                  </a:cxn>
                  <a:cxn ang="0">
                    <a:pos x="connsiteX90" y="connsiteY90"/>
                  </a:cxn>
                  <a:cxn ang="0">
                    <a:pos x="connsiteX91" y="connsiteY91"/>
                  </a:cxn>
                  <a:cxn ang="0">
                    <a:pos x="connsiteX92" y="connsiteY92"/>
                  </a:cxn>
                  <a:cxn ang="0">
                    <a:pos x="connsiteX93" y="connsiteY93"/>
                  </a:cxn>
                  <a:cxn ang="0">
                    <a:pos x="connsiteX94" y="connsiteY94"/>
                  </a:cxn>
                  <a:cxn ang="0">
                    <a:pos x="connsiteX95" y="connsiteY95"/>
                  </a:cxn>
                  <a:cxn ang="0">
                    <a:pos x="connsiteX96" y="connsiteY96"/>
                  </a:cxn>
                  <a:cxn ang="0">
                    <a:pos x="connsiteX97" y="connsiteY97"/>
                  </a:cxn>
                </a:cxnLst>
                <a:rect l="l" t="t" r="r" b="b"/>
                <a:pathLst>
                  <a:path w="1123101" h="215394">
                    <a:moveTo>
                      <a:pt x="145378" y="153456"/>
                    </a:moveTo>
                    <a:lnTo>
                      <a:pt x="156147" y="107237"/>
                    </a:lnTo>
                    <a:lnTo>
                      <a:pt x="165122" y="153456"/>
                    </a:lnTo>
                    <a:close/>
                    <a:moveTo>
                      <a:pt x="62371" y="112624"/>
                    </a:moveTo>
                    <a:cubicBezTo>
                      <a:pt x="62371" y="125633"/>
                      <a:pt x="56988" y="134608"/>
                      <a:pt x="41283" y="139544"/>
                    </a:cubicBezTo>
                    <a:lnTo>
                      <a:pt x="41283" y="100060"/>
                    </a:lnTo>
                    <a:cubicBezTo>
                      <a:pt x="44425" y="99163"/>
                      <a:pt x="47586" y="98266"/>
                      <a:pt x="50704" y="98266"/>
                    </a:cubicBezTo>
                    <a:cubicBezTo>
                      <a:pt x="59228" y="98266"/>
                      <a:pt x="62371" y="104996"/>
                      <a:pt x="62371" y="112624"/>
                    </a:cubicBezTo>
                    <a:close/>
                    <a:moveTo>
                      <a:pt x="385880" y="144927"/>
                    </a:moveTo>
                    <a:lnTo>
                      <a:pt x="398443" y="88394"/>
                    </a:lnTo>
                    <a:lnTo>
                      <a:pt x="410080" y="144927"/>
                    </a:lnTo>
                    <a:close/>
                    <a:moveTo>
                      <a:pt x="280437" y="64165"/>
                    </a:moveTo>
                    <a:cubicBezTo>
                      <a:pt x="293897" y="64165"/>
                      <a:pt x="298834" y="71346"/>
                      <a:pt x="298834" y="83458"/>
                    </a:cubicBezTo>
                    <a:cubicBezTo>
                      <a:pt x="298834" y="96472"/>
                      <a:pt x="292103" y="107702"/>
                      <a:pt x="277295" y="111727"/>
                    </a:cubicBezTo>
                    <a:lnTo>
                      <a:pt x="277295" y="64165"/>
                    </a:lnTo>
                    <a:close/>
                    <a:moveTo>
                      <a:pt x="1071480" y="107911"/>
                    </a:moveTo>
                    <a:cubicBezTo>
                      <a:pt x="1071480" y="104032"/>
                      <a:pt x="1074307" y="101854"/>
                      <a:pt x="1079447" y="101854"/>
                    </a:cubicBezTo>
                    <a:cubicBezTo>
                      <a:pt x="1088980" y="101854"/>
                      <a:pt x="1105771" y="111790"/>
                      <a:pt x="1116347" y="119795"/>
                    </a:cubicBezTo>
                    <a:lnTo>
                      <a:pt x="1116347" y="79870"/>
                    </a:lnTo>
                    <a:cubicBezTo>
                      <a:pt x="1103774" y="71258"/>
                      <a:pt x="1088645" y="65100"/>
                      <a:pt x="1071863" y="65100"/>
                    </a:cubicBezTo>
                    <a:cubicBezTo>
                      <a:pt x="1044797" y="65100"/>
                      <a:pt x="1027957" y="81131"/>
                      <a:pt x="1027957" y="108459"/>
                    </a:cubicBezTo>
                    <a:cubicBezTo>
                      <a:pt x="1027957" y="155070"/>
                      <a:pt x="1079554" y="155259"/>
                      <a:pt x="1079554" y="170873"/>
                    </a:cubicBezTo>
                    <a:cubicBezTo>
                      <a:pt x="1079554" y="175615"/>
                      <a:pt x="1076717" y="178146"/>
                      <a:pt x="1069260" y="178146"/>
                    </a:cubicBezTo>
                    <a:cubicBezTo>
                      <a:pt x="1054025" y="178146"/>
                      <a:pt x="1034479" y="167798"/>
                      <a:pt x="1027957" y="161544"/>
                    </a:cubicBezTo>
                    <a:lnTo>
                      <a:pt x="1027957" y="203728"/>
                    </a:lnTo>
                    <a:cubicBezTo>
                      <a:pt x="1040380" y="211050"/>
                      <a:pt x="1058461" y="215395"/>
                      <a:pt x="1074021" y="215395"/>
                    </a:cubicBezTo>
                    <a:cubicBezTo>
                      <a:pt x="1105223" y="215395"/>
                      <a:pt x="1123101" y="198012"/>
                      <a:pt x="1123101" y="170262"/>
                    </a:cubicBezTo>
                    <a:cubicBezTo>
                      <a:pt x="1123077" y="124823"/>
                      <a:pt x="1071480" y="122685"/>
                      <a:pt x="1071480" y="107911"/>
                    </a:cubicBezTo>
                    <a:close/>
                    <a:moveTo>
                      <a:pt x="105894" y="106791"/>
                    </a:moveTo>
                    <a:cubicBezTo>
                      <a:pt x="105894" y="74037"/>
                      <a:pt x="85703" y="61022"/>
                      <a:pt x="58782" y="61022"/>
                    </a:cubicBezTo>
                    <a:cubicBezTo>
                      <a:pt x="40842" y="61022"/>
                      <a:pt x="19744" y="66841"/>
                      <a:pt x="0" y="76277"/>
                    </a:cubicBezTo>
                    <a:lnTo>
                      <a:pt x="0" y="211336"/>
                    </a:lnTo>
                    <a:lnTo>
                      <a:pt x="41283" y="211336"/>
                    </a:lnTo>
                    <a:lnTo>
                      <a:pt x="41283" y="179028"/>
                    </a:lnTo>
                    <a:cubicBezTo>
                      <a:pt x="75831" y="172298"/>
                      <a:pt x="105894" y="146275"/>
                      <a:pt x="105894" y="106791"/>
                    </a:cubicBezTo>
                    <a:close/>
                    <a:moveTo>
                      <a:pt x="664513" y="53381"/>
                    </a:moveTo>
                    <a:cubicBezTo>
                      <a:pt x="683360" y="53381"/>
                      <a:pt x="692336" y="73125"/>
                      <a:pt x="692336" y="107688"/>
                    </a:cubicBezTo>
                    <a:cubicBezTo>
                      <a:pt x="692336" y="142250"/>
                      <a:pt x="683360" y="161994"/>
                      <a:pt x="664513" y="161994"/>
                    </a:cubicBezTo>
                    <a:cubicBezTo>
                      <a:pt x="645666" y="161994"/>
                      <a:pt x="636695" y="142250"/>
                      <a:pt x="636695" y="107688"/>
                    </a:cubicBezTo>
                    <a:cubicBezTo>
                      <a:pt x="636695" y="73125"/>
                      <a:pt x="645670" y="53381"/>
                      <a:pt x="664513" y="53381"/>
                    </a:cubicBezTo>
                    <a:close/>
                    <a:moveTo>
                      <a:pt x="84801" y="211336"/>
                    </a:moveTo>
                    <a:lnTo>
                      <a:pt x="128770" y="211336"/>
                    </a:lnTo>
                    <a:lnTo>
                      <a:pt x="135074" y="189352"/>
                    </a:lnTo>
                    <a:lnTo>
                      <a:pt x="173195" y="189352"/>
                    </a:lnTo>
                    <a:lnTo>
                      <a:pt x="178582" y="211336"/>
                    </a:lnTo>
                    <a:lnTo>
                      <a:pt x="224797" y="211336"/>
                    </a:lnTo>
                    <a:lnTo>
                      <a:pt x="177685" y="34102"/>
                    </a:lnTo>
                    <a:cubicBezTo>
                      <a:pt x="164225" y="35450"/>
                      <a:pt x="149417" y="37690"/>
                      <a:pt x="138201" y="40832"/>
                    </a:cubicBezTo>
                    <a:close/>
                    <a:moveTo>
                      <a:pt x="929691" y="32754"/>
                    </a:moveTo>
                    <a:cubicBezTo>
                      <a:pt x="918475" y="30514"/>
                      <a:pt x="905932" y="28269"/>
                      <a:pt x="896937" y="27372"/>
                    </a:cubicBezTo>
                    <a:lnTo>
                      <a:pt x="896937" y="211336"/>
                    </a:lnTo>
                    <a:lnTo>
                      <a:pt x="939122" y="211336"/>
                    </a:lnTo>
                    <a:lnTo>
                      <a:pt x="939122" y="135505"/>
                    </a:lnTo>
                    <a:lnTo>
                      <a:pt x="983988" y="211336"/>
                    </a:lnTo>
                    <a:lnTo>
                      <a:pt x="1016296" y="211336"/>
                    </a:lnTo>
                    <a:lnTo>
                      <a:pt x="1016296" y="50704"/>
                    </a:lnTo>
                    <a:cubicBezTo>
                      <a:pt x="1002835" y="47116"/>
                      <a:pt x="989821" y="44401"/>
                      <a:pt x="975915" y="41729"/>
                    </a:cubicBezTo>
                    <a:lnTo>
                      <a:pt x="975915" y="120702"/>
                    </a:lnTo>
                    <a:close/>
                    <a:moveTo>
                      <a:pt x="345945" y="79419"/>
                    </a:moveTo>
                    <a:cubicBezTo>
                      <a:pt x="345945" y="40832"/>
                      <a:pt x="324406" y="19293"/>
                      <a:pt x="279516" y="19293"/>
                    </a:cubicBezTo>
                    <a:cubicBezTo>
                      <a:pt x="265158" y="19293"/>
                      <a:pt x="245865" y="21538"/>
                      <a:pt x="230610" y="26024"/>
                    </a:cubicBezTo>
                    <a:lnTo>
                      <a:pt x="230610" y="211336"/>
                    </a:lnTo>
                    <a:lnTo>
                      <a:pt x="277300" y="211336"/>
                    </a:lnTo>
                    <a:lnTo>
                      <a:pt x="277300" y="161510"/>
                    </a:lnTo>
                    <a:cubicBezTo>
                      <a:pt x="316779" y="149417"/>
                      <a:pt x="345945" y="120702"/>
                      <a:pt x="345945" y="79419"/>
                    </a:cubicBezTo>
                    <a:close/>
                    <a:moveTo>
                      <a:pt x="800916" y="96021"/>
                    </a:moveTo>
                    <a:lnTo>
                      <a:pt x="800916" y="15705"/>
                    </a:lnTo>
                    <a:cubicBezTo>
                      <a:pt x="789254" y="13460"/>
                      <a:pt x="765471" y="11220"/>
                      <a:pt x="753804" y="10769"/>
                    </a:cubicBezTo>
                    <a:lnTo>
                      <a:pt x="753804" y="211336"/>
                    </a:lnTo>
                    <a:lnTo>
                      <a:pt x="800916" y="211336"/>
                    </a:lnTo>
                    <a:lnTo>
                      <a:pt x="800916" y="139544"/>
                    </a:lnTo>
                    <a:lnTo>
                      <a:pt x="831875" y="139544"/>
                    </a:lnTo>
                    <a:lnTo>
                      <a:pt x="831875" y="211336"/>
                    </a:lnTo>
                    <a:lnTo>
                      <a:pt x="878991" y="211336"/>
                    </a:lnTo>
                    <a:lnTo>
                      <a:pt x="878991" y="25141"/>
                    </a:lnTo>
                    <a:cubicBezTo>
                      <a:pt x="864183" y="22450"/>
                      <a:pt x="846238" y="20205"/>
                      <a:pt x="831875" y="18862"/>
                    </a:cubicBezTo>
                    <a:lnTo>
                      <a:pt x="831875" y="96021"/>
                    </a:lnTo>
                    <a:close/>
                    <a:moveTo>
                      <a:pt x="319911" y="211336"/>
                    </a:moveTo>
                    <a:lnTo>
                      <a:pt x="368371" y="211336"/>
                    </a:lnTo>
                    <a:lnTo>
                      <a:pt x="375547" y="183518"/>
                    </a:lnTo>
                    <a:lnTo>
                      <a:pt x="419080" y="183518"/>
                    </a:lnTo>
                    <a:lnTo>
                      <a:pt x="427158" y="211336"/>
                    </a:lnTo>
                    <a:lnTo>
                      <a:pt x="476514" y="211336"/>
                    </a:lnTo>
                    <a:lnTo>
                      <a:pt x="420874" y="7627"/>
                    </a:lnTo>
                    <a:cubicBezTo>
                      <a:pt x="409207" y="7627"/>
                      <a:pt x="389914" y="8975"/>
                      <a:pt x="379150" y="10323"/>
                    </a:cubicBezTo>
                    <a:close/>
                    <a:moveTo>
                      <a:pt x="527204" y="153456"/>
                    </a:moveTo>
                    <a:cubicBezTo>
                      <a:pt x="527204" y="164671"/>
                      <a:pt x="520900" y="169607"/>
                      <a:pt x="511503" y="169607"/>
                    </a:cubicBezTo>
                    <a:cubicBezTo>
                      <a:pt x="506567" y="169607"/>
                      <a:pt x="501180" y="168259"/>
                      <a:pt x="495347" y="166019"/>
                    </a:cubicBezTo>
                    <a:lnTo>
                      <a:pt x="495347" y="211782"/>
                    </a:lnTo>
                    <a:cubicBezTo>
                      <a:pt x="504773" y="214924"/>
                      <a:pt x="511949" y="215375"/>
                      <a:pt x="521822" y="215375"/>
                    </a:cubicBezTo>
                    <a:cubicBezTo>
                      <a:pt x="549193" y="215375"/>
                      <a:pt x="575644" y="201464"/>
                      <a:pt x="575644" y="156593"/>
                    </a:cubicBezTo>
                    <a:lnTo>
                      <a:pt x="575644" y="3142"/>
                    </a:lnTo>
                    <a:cubicBezTo>
                      <a:pt x="562183" y="2245"/>
                      <a:pt x="540650" y="2245"/>
                      <a:pt x="527184" y="3142"/>
                    </a:cubicBezTo>
                    <a:close/>
                    <a:moveTo>
                      <a:pt x="664503" y="215375"/>
                    </a:moveTo>
                    <a:cubicBezTo>
                      <a:pt x="712507" y="215375"/>
                      <a:pt x="742128" y="173190"/>
                      <a:pt x="742128" y="107688"/>
                    </a:cubicBezTo>
                    <a:cubicBezTo>
                      <a:pt x="742128" y="48013"/>
                      <a:pt x="716556" y="0"/>
                      <a:pt x="663160" y="0"/>
                    </a:cubicBezTo>
                    <a:cubicBezTo>
                      <a:pt x="616049" y="0"/>
                      <a:pt x="586883" y="43077"/>
                      <a:pt x="586883" y="107688"/>
                    </a:cubicBezTo>
                    <a:cubicBezTo>
                      <a:pt x="586893" y="177685"/>
                      <a:pt x="616505" y="215375"/>
                      <a:pt x="664513" y="215375"/>
                    </a:cubicBezTo>
                    <a:close/>
                  </a:path>
                </a:pathLst>
              </a:custGeom>
              <a:solidFill>
                <a:srgbClr val="FD0702"/>
              </a:solidFill>
              <a:ln w="48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222" name="Freeform: Shape 221">
                <a:extLst>
                  <a:ext uri="{FF2B5EF4-FFF2-40B4-BE49-F238E27FC236}">
                    <a16:creationId xmlns:a16="http://schemas.microsoft.com/office/drawing/2014/main" id="{1663FC9B-1613-6F2A-6F6C-CC86CD2A500B}"/>
                  </a:ext>
                </a:extLst>
              </p:cNvPr>
              <p:cNvSpPr/>
              <p:nvPr/>
            </p:nvSpPr>
            <p:spPr>
              <a:xfrm>
                <a:off x="6738839" y="4374330"/>
                <a:ext cx="38113" cy="37308"/>
              </a:xfrm>
              <a:custGeom>
                <a:avLst/>
                <a:gdLst>
                  <a:gd name="connsiteX0" fmla="*/ 38111 w 38113"/>
                  <a:gd name="connsiteY0" fmla="*/ 18615 h 37308"/>
                  <a:gd name="connsiteX1" fmla="*/ 32530 w 38113"/>
                  <a:gd name="connsiteY1" fmla="*/ 31853 h 37308"/>
                  <a:gd name="connsiteX2" fmla="*/ 5536 w 38113"/>
                  <a:gd name="connsiteY2" fmla="*/ 31891 h 37308"/>
                  <a:gd name="connsiteX3" fmla="*/ 5299 w 38113"/>
                  <a:gd name="connsiteY3" fmla="*/ 5732 h 37308"/>
                  <a:gd name="connsiteX4" fmla="*/ 5575 w 38113"/>
                  <a:gd name="connsiteY4" fmla="*/ 5456 h 37308"/>
                  <a:gd name="connsiteX5" fmla="*/ 32530 w 38113"/>
                  <a:gd name="connsiteY5" fmla="*/ 5417 h 37308"/>
                  <a:gd name="connsiteX6" fmla="*/ 38111 w 38113"/>
                  <a:gd name="connsiteY6" fmla="*/ 18615 h 37308"/>
                  <a:gd name="connsiteX7" fmla="*/ 35861 w 38113"/>
                  <a:gd name="connsiteY7" fmla="*/ 18693 h 37308"/>
                  <a:gd name="connsiteX8" fmla="*/ 31012 w 38113"/>
                  <a:gd name="connsiteY8" fmla="*/ 6779 h 37308"/>
                  <a:gd name="connsiteX9" fmla="*/ 18939 w 38113"/>
                  <a:gd name="connsiteY9" fmla="*/ 2008 h 37308"/>
                  <a:gd name="connsiteX10" fmla="*/ 2254 w 38113"/>
                  <a:gd name="connsiteY10" fmla="*/ 18194 h 37308"/>
                  <a:gd name="connsiteX11" fmla="*/ 2254 w 38113"/>
                  <a:gd name="connsiteY11" fmla="*/ 18693 h 37308"/>
                  <a:gd name="connsiteX12" fmla="*/ 7064 w 38113"/>
                  <a:gd name="connsiteY12" fmla="*/ 30490 h 37308"/>
                  <a:gd name="connsiteX13" fmla="*/ 19098 w 38113"/>
                  <a:gd name="connsiteY13" fmla="*/ 35223 h 37308"/>
                  <a:gd name="connsiteX14" fmla="*/ 31012 w 38113"/>
                  <a:gd name="connsiteY14" fmla="*/ 30446 h 37308"/>
                  <a:gd name="connsiteX15" fmla="*/ 35861 w 38113"/>
                  <a:gd name="connsiteY15" fmla="*/ 18693 h 37308"/>
                  <a:gd name="connsiteX16" fmla="*/ 30488 w 38113"/>
                  <a:gd name="connsiteY16" fmla="*/ 28875 h 37308"/>
                  <a:gd name="connsiteX17" fmla="*/ 23826 w 38113"/>
                  <a:gd name="connsiteY17" fmla="*/ 28875 h 37308"/>
                  <a:gd name="connsiteX18" fmla="*/ 18051 w 38113"/>
                  <a:gd name="connsiteY18" fmla="*/ 21762 h 37308"/>
                  <a:gd name="connsiteX19" fmla="*/ 16529 w 38113"/>
                  <a:gd name="connsiteY19" fmla="*/ 21762 h 37308"/>
                  <a:gd name="connsiteX20" fmla="*/ 16529 w 38113"/>
                  <a:gd name="connsiteY20" fmla="*/ 28905 h 37308"/>
                  <a:gd name="connsiteX21" fmla="*/ 10914 w 38113"/>
                  <a:gd name="connsiteY21" fmla="*/ 28905 h 37308"/>
                  <a:gd name="connsiteX22" fmla="*/ 10914 w 38113"/>
                  <a:gd name="connsiteY22" fmla="*/ 7381 h 37308"/>
                  <a:gd name="connsiteX23" fmla="*/ 19016 w 38113"/>
                  <a:gd name="connsiteY23" fmla="*/ 7381 h 37308"/>
                  <a:gd name="connsiteX24" fmla="*/ 25712 w 38113"/>
                  <a:gd name="connsiteY24" fmla="*/ 9228 h 37308"/>
                  <a:gd name="connsiteX25" fmla="*/ 28079 w 38113"/>
                  <a:gd name="connsiteY25" fmla="*/ 14440 h 37308"/>
                  <a:gd name="connsiteX26" fmla="*/ 26958 w 38113"/>
                  <a:gd name="connsiteY26" fmla="*/ 18174 h 37308"/>
                  <a:gd name="connsiteX27" fmla="*/ 23749 w 38113"/>
                  <a:gd name="connsiteY27" fmla="*/ 20700 h 37308"/>
                  <a:gd name="connsiteX28" fmla="*/ 18614 w 38113"/>
                  <a:gd name="connsiteY28" fmla="*/ 11623 h 37308"/>
                  <a:gd name="connsiteX29" fmla="*/ 16529 w 38113"/>
                  <a:gd name="connsiteY29" fmla="*/ 11623 h 37308"/>
                  <a:gd name="connsiteX30" fmla="*/ 16529 w 38113"/>
                  <a:gd name="connsiteY30" fmla="*/ 17883 h 37308"/>
                  <a:gd name="connsiteX31" fmla="*/ 18468 w 38113"/>
                  <a:gd name="connsiteY31" fmla="*/ 17883 h 37308"/>
                  <a:gd name="connsiteX32" fmla="*/ 21314 w 38113"/>
                  <a:gd name="connsiteY32" fmla="*/ 17039 h 37308"/>
                  <a:gd name="connsiteX33" fmla="*/ 22318 w 38113"/>
                  <a:gd name="connsiteY33" fmla="*/ 14756 h 37308"/>
                  <a:gd name="connsiteX34" fmla="*/ 21348 w 38113"/>
                  <a:gd name="connsiteY34" fmla="*/ 12467 h 37308"/>
                  <a:gd name="connsiteX35" fmla="*/ 18614 w 38113"/>
                  <a:gd name="connsiteY35" fmla="*/ 11633 h 3730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Lst>
                <a:rect l="l" t="t" r="r" b="b"/>
                <a:pathLst>
                  <a:path w="38113" h="37308">
                    <a:moveTo>
                      <a:pt x="38111" y="18615"/>
                    </a:moveTo>
                    <a:cubicBezTo>
                      <a:pt x="38188" y="23615"/>
                      <a:pt x="36166" y="28418"/>
                      <a:pt x="32530" y="31853"/>
                    </a:cubicBezTo>
                    <a:cubicBezTo>
                      <a:pt x="25000" y="39112"/>
                      <a:pt x="13086" y="39129"/>
                      <a:pt x="5536" y="31891"/>
                    </a:cubicBezTo>
                    <a:cubicBezTo>
                      <a:pt x="-1751" y="24734"/>
                      <a:pt x="-1858" y="13022"/>
                      <a:pt x="5299" y="5732"/>
                    </a:cubicBezTo>
                    <a:cubicBezTo>
                      <a:pt x="5391" y="5639"/>
                      <a:pt x="5483" y="5547"/>
                      <a:pt x="5575" y="5456"/>
                    </a:cubicBezTo>
                    <a:cubicBezTo>
                      <a:pt x="13086" y="-1804"/>
                      <a:pt x="24995" y="-1821"/>
                      <a:pt x="32530" y="5417"/>
                    </a:cubicBezTo>
                    <a:cubicBezTo>
                      <a:pt x="36166" y="8833"/>
                      <a:pt x="38193" y="13626"/>
                      <a:pt x="38111" y="18615"/>
                    </a:cubicBezTo>
                    <a:close/>
                    <a:moveTo>
                      <a:pt x="35861" y="18693"/>
                    </a:moveTo>
                    <a:cubicBezTo>
                      <a:pt x="35861" y="13938"/>
                      <a:pt x="34246" y="9966"/>
                      <a:pt x="31012" y="6779"/>
                    </a:cubicBezTo>
                    <a:cubicBezTo>
                      <a:pt x="27778" y="3592"/>
                      <a:pt x="23753" y="2002"/>
                      <a:pt x="18939" y="2008"/>
                    </a:cubicBezTo>
                    <a:cubicBezTo>
                      <a:pt x="9861" y="1870"/>
                      <a:pt x="2389" y="9117"/>
                      <a:pt x="2254" y="18194"/>
                    </a:cubicBezTo>
                    <a:cubicBezTo>
                      <a:pt x="2254" y="18361"/>
                      <a:pt x="2254" y="18527"/>
                      <a:pt x="2254" y="18693"/>
                    </a:cubicBezTo>
                    <a:cubicBezTo>
                      <a:pt x="2254" y="23403"/>
                      <a:pt x="3859" y="27335"/>
                      <a:pt x="7064" y="30490"/>
                    </a:cubicBezTo>
                    <a:cubicBezTo>
                      <a:pt x="10269" y="33645"/>
                      <a:pt x="14284" y="35223"/>
                      <a:pt x="19098" y="35223"/>
                    </a:cubicBezTo>
                    <a:cubicBezTo>
                      <a:pt x="23555" y="35324"/>
                      <a:pt x="27860" y="33599"/>
                      <a:pt x="31012" y="30446"/>
                    </a:cubicBezTo>
                    <a:cubicBezTo>
                      <a:pt x="34203" y="27379"/>
                      <a:pt x="35958" y="23116"/>
                      <a:pt x="35861" y="18693"/>
                    </a:cubicBezTo>
                    <a:close/>
                    <a:moveTo>
                      <a:pt x="30488" y="28875"/>
                    </a:moveTo>
                    <a:lnTo>
                      <a:pt x="23826" y="28875"/>
                    </a:lnTo>
                    <a:lnTo>
                      <a:pt x="18051" y="21762"/>
                    </a:lnTo>
                    <a:lnTo>
                      <a:pt x="16529" y="21762"/>
                    </a:lnTo>
                    <a:lnTo>
                      <a:pt x="16529" y="28905"/>
                    </a:lnTo>
                    <a:lnTo>
                      <a:pt x="10914" y="28905"/>
                    </a:lnTo>
                    <a:lnTo>
                      <a:pt x="10914" y="7381"/>
                    </a:lnTo>
                    <a:lnTo>
                      <a:pt x="19016" y="7381"/>
                    </a:lnTo>
                    <a:cubicBezTo>
                      <a:pt x="21901" y="7381"/>
                      <a:pt x="24132" y="7996"/>
                      <a:pt x="25712" y="9228"/>
                    </a:cubicBezTo>
                    <a:cubicBezTo>
                      <a:pt x="27293" y="10460"/>
                      <a:pt x="28083" y="12197"/>
                      <a:pt x="28079" y="14440"/>
                    </a:cubicBezTo>
                    <a:cubicBezTo>
                      <a:pt x="28098" y="15771"/>
                      <a:pt x="27705" y="17074"/>
                      <a:pt x="26958" y="18174"/>
                    </a:cubicBezTo>
                    <a:cubicBezTo>
                      <a:pt x="26158" y="19311"/>
                      <a:pt x="25043" y="20189"/>
                      <a:pt x="23749" y="20700"/>
                    </a:cubicBezTo>
                    <a:close/>
                    <a:moveTo>
                      <a:pt x="18614" y="11623"/>
                    </a:moveTo>
                    <a:lnTo>
                      <a:pt x="16529" y="11623"/>
                    </a:lnTo>
                    <a:lnTo>
                      <a:pt x="16529" y="17883"/>
                    </a:lnTo>
                    <a:lnTo>
                      <a:pt x="18468" y="17883"/>
                    </a:lnTo>
                    <a:cubicBezTo>
                      <a:pt x="19486" y="17948"/>
                      <a:pt x="20495" y="17649"/>
                      <a:pt x="21314" y="17039"/>
                    </a:cubicBezTo>
                    <a:cubicBezTo>
                      <a:pt x="21984" y="16476"/>
                      <a:pt x="22357" y="15631"/>
                      <a:pt x="22318" y="14756"/>
                    </a:cubicBezTo>
                    <a:cubicBezTo>
                      <a:pt x="22357" y="13885"/>
                      <a:pt x="22003" y="13044"/>
                      <a:pt x="21348" y="12467"/>
                    </a:cubicBezTo>
                    <a:cubicBezTo>
                      <a:pt x="20573" y="11861"/>
                      <a:pt x="19598" y="11564"/>
                      <a:pt x="18614" y="11633"/>
                    </a:cubicBezTo>
                    <a:close/>
                  </a:path>
                </a:pathLst>
              </a:custGeom>
              <a:solidFill>
                <a:srgbClr val="FD0702"/>
              </a:solidFill>
              <a:ln w="48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grpSp>
        <p:pic>
          <p:nvPicPr>
            <p:cNvPr id="208" name="Picture 207" descr="Icon&#10;&#10;Description automatically generated">
              <a:extLst>
                <a:ext uri="{FF2B5EF4-FFF2-40B4-BE49-F238E27FC236}">
                  <a16:creationId xmlns:a16="http://schemas.microsoft.com/office/drawing/2014/main" id="{B78165D9-6820-BD1A-1CAA-4C119DD18713}"/>
                </a:ext>
              </a:extLst>
            </p:cNvPr>
            <p:cNvPicPr>
              <a:picLocks noChangeAspect="1"/>
            </p:cNvPicPr>
            <p:nvPr/>
          </p:nvPicPr>
          <p:blipFill rotWithShape="1">
            <a:blip r:embed="rId29" cstate="screen">
              <a:extLst>
                <a:ext uri="{28A0092B-C50C-407E-A947-70E740481C1C}">
                  <a14:useLocalDpi xmlns:a14="http://schemas.microsoft.com/office/drawing/2010/main"/>
                </a:ext>
              </a:extLst>
            </a:blip>
            <a:srcRect/>
            <a:stretch/>
          </p:blipFill>
          <p:spPr>
            <a:xfrm>
              <a:off x="8485104" y="4359221"/>
              <a:ext cx="1174989" cy="138842"/>
            </a:xfrm>
            <a:prstGeom prst="rect">
              <a:avLst/>
            </a:prstGeom>
          </p:spPr>
        </p:pic>
        <p:grpSp>
          <p:nvGrpSpPr>
            <p:cNvPr id="209" name="Group 208">
              <a:extLst>
                <a:ext uri="{FF2B5EF4-FFF2-40B4-BE49-F238E27FC236}">
                  <a16:creationId xmlns:a16="http://schemas.microsoft.com/office/drawing/2014/main" id="{A1714176-04CD-2E88-9E43-5A55E082DDAA}"/>
                </a:ext>
              </a:extLst>
            </p:cNvPr>
            <p:cNvGrpSpPr/>
            <p:nvPr/>
          </p:nvGrpSpPr>
          <p:grpSpPr>
            <a:xfrm>
              <a:off x="4438252" y="4321227"/>
              <a:ext cx="1023110" cy="247728"/>
              <a:chOff x="5681066" y="3187401"/>
              <a:chExt cx="1237963" cy="299751"/>
            </a:xfrm>
          </p:grpSpPr>
          <p:sp>
            <p:nvSpPr>
              <p:cNvPr id="219" name="Freeform: Shape 218">
                <a:extLst>
                  <a:ext uri="{FF2B5EF4-FFF2-40B4-BE49-F238E27FC236}">
                    <a16:creationId xmlns:a16="http://schemas.microsoft.com/office/drawing/2014/main" id="{DF17D5C9-1C6B-A32B-9D4A-A8C17DBB2DA2}"/>
                  </a:ext>
                </a:extLst>
              </p:cNvPr>
              <p:cNvSpPr/>
              <p:nvPr/>
            </p:nvSpPr>
            <p:spPr>
              <a:xfrm>
                <a:off x="5681066" y="3250932"/>
                <a:ext cx="897064" cy="176879"/>
              </a:xfrm>
              <a:custGeom>
                <a:avLst/>
                <a:gdLst>
                  <a:gd name="connsiteX0" fmla="*/ 687896 w 897064"/>
                  <a:gd name="connsiteY0" fmla="*/ 127159 h 176879"/>
                  <a:gd name="connsiteX1" fmla="*/ 686943 w 897064"/>
                  <a:gd name="connsiteY1" fmla="*/ 134207 h 176879"/>
                  <a:gd name="connsiteX2" fmla="*/ 663131 w 897064"/>
                  <a:gd name="connsiteY2" fmla="*/ 150971 h 176879"/>
                  <a:gd name="connsiteX3" fmla="*/ 645700 w 897064"/>
                  <a:gd name="connsiteY3" fmla="*/ 133636 h 176879"/>
                  <a:gd name="connsiteX4" fmla="*/ 687896 w 897064"/>
                  <a:gd name="connsiteY4" fmla="*/ 110871 h 176879"/>
                  <a:gd name="connsiteX5" fmla="*/ 687896 w 897064"/>
                  <a:gd name="connsiteY5" fmla="*/ 127159 h 176879"/>
                  <a:gd name="connsiteX6" fmla="*/ 723138 w 897064"/>
                  <a:gd name="connsiteY6" fmla="*/ 95917 h 176879"/>
                  <a:gd name="connsiteX7" fmla="*/ 667798 w 897064"/>
                  <a:gd name="connsiteY7" fmla="*/ 40291 h 176879"/>
                  <a:gd name="connsiteX8" fmla="*/ 618935 w 897064"/>
                  <a:gd name="connsiteY8" fmla="*/ 51911 h 176879"/>
                  <a:gd name="connsiteX9" fmla="*/ 625888 w 897064"/>
                  <a:gd name="connsiteY9" fmla="*/ 75724 h 176879"/>
                  <a:gd name="connsiteX10" fmla="*/ 661511 w 897064"/>
                  <a:gd name="connsiteY10" fmla="*/ 65723 h 176879"/>
                  <a:gd name="connsiteX11" fmla="*/ 686753 w 897064"/>
                  <a:gd name="connsiteY11" fmla="*/ 85820 h 176879"/>
                  <a:gd name="connsiteX12" fmla="*/ 686753 w 897064"/>
                  <a:gd name="connsiteY12" fmla="*/ 87725 h 176879"/>
                  <a:gd name="connsiteX13" fmla="*/ 609600 w 897064"/>
                  <a:gd name="connsiteY13" fmla="*/ 137351 h 176879"/>
                  <a:gd name="connsiteX14" fmla="*/ 651320 w 897064"/>
                  <a:gd name="connsiteY14" fmla="*/ 176784 h 176879"/>
                  <a:gd name="connsiteX15" fmla="*/ 689324 w 897064"/>
                  <a:gd name="connsiteY15" fmla="*/ 159925 h 176879"/>
                  <a:gd name="connsiteX16" fmla="*/ 690086 w 897064"/>
                  <a:gd name="connsiteY16" fmla="*/ 159925 h 176879"/>
                  <a:gd name="connsiteX17" fmla="*/ 725329 w 897064"/>
                  <a:gd name="connsiteY17" fmla="*/ 173831 h 176879"/>
                  <a:gd name="connsiteX18" fmla="*/ 723138 w 897064"/>
                  <a:gd name="connsiteY18" fmla="*/ 142399 h 176879"/>
                  <a:gd name="connsiteX19" fmla="*/ 723138 w 897064"/>
                  <a:gd name="connsiteY19" fmla="*/ 95917 h 176879"/>
                  <a:gd name="connsiteX20" fmla="*/ 0 w 897064"/>
                  <a:gd name="connsiteY20" fmla="*/ 0 h 176879"/>
                  <a:gd name="connsiteX21" fmla="*/ 35814 w 897064"/>
                  <a:gd name="connsiteY21" fmla="*/ 146971 h 176879"/>
                  <a:gd name="connsiteX22" fmla="*/ 81725 w 897064"/>
                  <a:gd name="connsiteY22" fmla="*/ 173831 h 176879"/>
                  <a:gd name="connsiteX23" fmla="*/ 101060 w 897064"/>
                  <a:gd name="connsiteY23" fmla="*/ 95441 h 176879"/>
                  <a:gd name="connsiteX24" fmla="*/ 112395 w 897064"/>
                  <a:gd name="connsiteY24" fmla="*/ 42196 h 176879"/>
                  <a:gd name="connsiteX25" fmla="*/ 112871 w 897064"/>
                  <a:gd name="connsiteY25" fmla="*/ 42196 h 176879"/>
                  <a:gd name="connsiteX26" fmla="*/ 122301 w 897064"/>
                  <a:gd name="connsiteY26" fmla="*/ 95536 h 176879"/>
                  <a:gd name="connsiteX27" fmla="*/ 134112 w 897064"/>
                  <a:gd name="connsiteY27" fmla="*/ 149828 h 176879"/>
                  <a:gd name="connsiteX28" fmla="*/ 178689 w 897064"/>
                  <a:gd name="connsiteY28" fmla="*/ 173831 h 176879"/>
                  <a:gd name="connsiteX29" fmla="*/ 224600 w 897064"/>
                  <a:gd name="connsiteY29" fmla="*/ 0 h 176879"/>
                  <a:gd name="connsiteX30" fmla="*/ 187452 w 897064"/>
                  <a:gd name="connsiteY30" fmla="*/ 0 h 176879"/>
                  <a:gd name="connsiteX31" fmla="*/ 171831 w 897064"/>
                  <a:gd name="connsiteY31" fmla="*/ 75152 h 176879"/>
                  <a:gd name="connsiteX32" fmla="*/ 160782 w 897064"/>
                  <a:gd name="connsiteY32" fmla="*/ 134207 h 176879"/>
                  <a:gd name="connsiteX33" fmla="*/ 160306 w 897064"/>
                  <a:gd name="connsiteY33" fmla="*/ 134207 h 176879"/>
                  <a:gd name="connsiteX34" fmla="*/ 149828 w 897064"/>
                  <a:gd name="connsiteY34" fmla="*/ 76581 h 176879"/>
                  <a:gd name="connsiteX35" fmla="*/ 133636 w 897064"/>
                  <a:gd name="connsiteY35" fmla="*/ 0 h 176879"/>
                  <a:gd name="connsiteX36" fmla="*/ 94964 w 897064"/>
                  <a:gd name="connsiteY36" fmla="*/ 0 h 176879"/>
                  <a:gd name="connsiteX37" fmla="*/ 77438 w 897064"/>
                  <a:gd name="connsiteY37" fmla="*/ 74581 h 176879"/>
                  <a:gd name="connsiteX38" fmla="*/ 65056 w 897064"/>
                  <a:gd name="connsiteY38" fmla="*/ 134874 h 176879"/>
                  <a:gd name="connsiteX39" fmla="*/ 64484 w 897064"/>
                  <a:gd name="connsiteY39" fmla="*/ 134874 h 176879"/>
                  <a:gd name="connsiteX40" fmla="*/ 53054 w 897064"/>
                  <a:gd name="connsiteY40" fmla="*/ 71723 h 176879"/>
                  <a:gd name="connsiteX41" fmla="*/ 39053 w 897064"/>
                  <a:gd name="connsiteY41" fmla="*/ 0 h 176879"/>
                  <a:gd name="connsiteX42" fmla="*/ 0 w 897064"/>
                  <a:gd name="connsiteY42" fmla="*/ 0 h 176879"/>
                  <a:gd name="connsiteX43" fmla="*/ 292513 w 897064"/>
                  <a:gd name="connsiteY43" fmla="*/ 127159 h 176879"/>
                  <a:gd name="connsiteX44" fmla="*/ 291560 w 897064"/>
                  <a:gd name="connsiteY44" fmla="*/ 134207 h 176879"/>
                  <a:gd name="connsiteX45" fmla="*/ 267748 w 897064"/>
                  <a:gd name="connsiteY45" fmla="*/ 150971 h 176879"/>
                  <a:gd name="connsiteX46" fmla="*/ 250317 w 897064"/>
                  <a:gd name="connsiteY46" fmla="*/ 133636 h 176879"/>
                  <a:gd name="connsiteX47" fmla="*/ 292513 w 897064"/>
                  <a:gd name="connsiteY47" fmla="*/ 110871 h 176879"/>
                  <a:gd name="connsiteX48" fmla="*/ 292513 w 897064"/>
                  <a:gd name="connsiteY48" fmla="*/ 127159 h 176879"/>
                  <a:gd name="connsiteX49" fmla="*/ 327755 w 897064"/>
                  <a:gd name="connsiteY49" fmla="*/ 95917 h 176879"/>
                  <a:gd name="connsiteX50" fmla="*/ 272510 w 897064"/>
                  <a:gd name="connsiteY50" fmla="*/ 40291 h 176879"/>
                  <a:gd name="connsiteX51" fmla="*/ 223552 w 897064"/>
                  <a:gd name="connsiteY51" fmla="*/ 51911 h 176879"/>
                  <a:gd name="connsiteX52" fmla="*/ 230505 w 897064"/>
                  <a:gd name="connsiteY52" fmla="*/ 75724 h 176879"/>
                  <a:gd name="connsiteX53" fmla="*/ 266129 w 897064"/>
                  <a:gd name="connsiteY53" fmla="*/ 65723 h 176879"/>
                  <a:gd name="connsiteX54" fmla="*/ 291370 w 897064"/>
                  <a:gd name="connsiteY54" fmla="*/ 85820 h 176879"/>
                  <a:gd name="connsiteX55" fmla="*/ 291370 w 897064"/>
                  <a:gd name="connsiteY55" fmla="*/ 87725 h 176879"/>
                  <a:gd name="connsiteX56" fmla="*/ 214217 w 897064"/>
                  <a:gd name="connsiteY56" fmla="*/ 137351 h 176879"/>
                  <a:gd name="connsiteX57" fmla="*/ 255937 w 897064"/>
                  <a:gd name="connsiteY57" fmla="*/ 176784 h 176879"/>
                  <a:gd name="connsiteX58" fmla="*/ 293942 w 897064"/>
                  <a:gd name="connsiteY58" fmla="*/ 159925 h 176879"/>
                  <a:gd name="connsiteX59" fmla="*/ 294704 w 897064"/>
                  <a:gd name="connsiteY59" fmla="*/ 159925 h 176879"/>
                  <a:gd name="connsiteX60" fmla="*/ 329946 w 897064"/>
                  <a:gd name="connsiteY60" fmla="*/ 173831 h 176879"/>
                  <a:gd name="connsiteX61" fmla="*/ 327755 w 897064"/>
                  <a:gd name="connsiteY61" fmla="*/ 142399 h 176879"/>
                  <a:gd name="connsiteX62" fmla="*/ 327755 w 897064"/>
                  <a:gd name="connsiteY62" fmla="*/ 95917 h 176879"/>
                  <a:gd name="connsiteX63" fmla="*/ 382334 w 897064"/>
                  <a:gd name="connsiteY63" fmla="*/ 136874 h 176879"/>
                  <a:gd name="connsiteX64" fmla="*/ 382334 w 897064"/>
                  <a:gd name="connsiteY64" fmla="*/ 95 h 176879"/>
                  <a:gd name="connsiteX65" fmla="*/ 347091 w 897064"/>
                  <a:gd name="connsiteY65" fmla="*/ 95 h 176879"/>
                  <a:gd name="connsiteX66" fmla="*/ 347091 w 897064"/>
                  <a:gd name="connsiteY66" fmla="*/ 173927 h 176879"/>
                  <a:gd name="connsiteX67" fmla="*/ 382334 w 897064"/>
                  <a:gd name="connsiteY67" fmla="*/ 173927 h 176879"/>
                  <a:gd name="connsiteX68" fmla="*/ 382334 w 897064"/>
                  <a:gd name="connsiteY68" fmla="*/ 136969 h 176879"/>
                  <a:gd name="connsiteX69" fmla="*/ 831533 w 897064"/>
                  <a:gd name="connsiteY69" fmla="*/ 95 h 176879"/>
                  <a:gd name="connsiteX70" fmla="*/ 831533 w 897064"/>
                  <a:gd name="connsiteY70" fmla="*/ 128302 h 176879"/>
                  <a:gd name="connsiteX71" fmla="*/ 842010 w 897064"/>
                  <a:gd name="connsiteY71" fmla="*/ 165926 h 176879"/>
                  <a:gd name="connsiteX72" fmla="*/ 870680 w 897064"/>
                  <a:gd name="connsiteY72" fmla="*/ 176879 h 176879"/>
                  <a:gd name="connsiteX73" fmla="*/ 896207 w 897064"/>
                  <a:gd name="connsiteY73" fmla="*/ 173069 h 176879"/>
                  <a:gd name="connsiteX74" fmla="*/ 895826 w 897064"/>
                  <a:gd name="connsiteY74" fmla="*/ 145447 h 176879"/>
                  <a:gd name="connsiteX75" fmla="*/ 882396 w 897064"/>
                  <a:gd name="connsiteY75" fmla="*/ 147066 h 176879"/>
                  <a:gd name="connsiteX76" fmla="*/ 866299 w 897064"/>
                  <a:gd name="connsiteY76" fmla="*/ 123539 h 176879"/>
                  <a:gd name="connsiteX77" fmla="*/ 866299 w 897064"/>
                  <a:gd name="connsiteY77" fmla="*/ 74486 h 176879"/>
                  <a:gd name="connsiteX78" fmla="*/ 897065 w 897064"/>
                  <a:gd name="connsiteY78" fmla="*/ 74486 h 176879"/>
                  <a:gd name="connsiteX79" fmla="*/ 897065 w 897064"/>
                  <a:gd name="connsiteY79" fmla="*/ 41148 h 176879"/>
                  <a:gd name="connsiteX80" fmla="*/ 866299 w 897064"/>
                  <a:gd name="connsiteY80" fmla="*/ 41148 h 176879"/>
                  <a:gd name="connsiteX81" fmla="*/ 866299 w 897064"/>
                  <a:gd name="connsiteY81" fmla="*/ 0 h 176879"/>
                  <a:gd name="connsiteX82" fmla="*/ 831533 w 897064"/>
                  <a:gd name="connsiteY82" fmla="*/ 0 h 176879"/>
                  <a:gd name="connsiteX83" fmla="*/ 740378 w 897064"/>
                  <a:gd name="connsiteY83" fmla="*/ 43244 h 176879"/>
                  <a:gd name="connsiteX84" fmla="*/ 740378 w 897064"/>
                  <a:gd name="connsiteY84" fmla="*/ 173831 h 176879"/>
                  <a:gd name="connsiteX85" fmla="*/ 776764 w 897064"/>
                  <a:gd name="connsiteY85" fmla="*/ 173831 h 176879"/>
                  <a:gd name="connsiteX86" fmla="*/ 776764 w 897064"/>
                  <a:gd name="connsiteY86" fmla="*/ 106966 h 176879"/>
                  <a:gd name="connsiteX87" fmla="*/ 777621 w 897064"/>
                  <a:gd name="connsiteY87" fmla="*/ 97345 h 176879"/>
                  <a:gd name="connsiteX88" fmla="*/ 806387 w 897064"/>
                  <a:gd name="connsiteY88" fmla="*/ 74390 h 176879"/>
                  <a:gd name="connsiteX89" fmla="*/ 816864 w 897064"/>
                  <a:gd name="connsiteY89" fmla="*/ 75343 h 176879"/>
                  <a:gd name="connsiteX90" fmla="*/ 816864 w 897064"/>
                  <a:gd name="connsiteY90" fmla="*/ 41053 h 176879"/>
                  <a:gd name="connsiteX91" fmla="*/ 808863 w 897064"/>
                  <a:gd name="connsiteY91" fmla="*/ 40291 h 176879"/>
                  <a:gd name="connsiteX92" fmla="*/ 773335 w 897064"/>
                  <a:gd name="connsiteY92" fmla="*/ 67913 h 176879"/>
                  <a:gd name="connsiteX93" fmla="*/ 772382 w 897064"/>
                  <a:gd name="connsiteY93" fmla="*/ 67913 h 176879"/>
                  <a:gd name="connsiteX94" fmla="*/ 772382 w 897064"/>
                  <a:gd name="connsiteY94" fmla="*/ 43148 h 176879"/>
                  <a:gd name="connsiteX95" fmla="*/ 740378 w 897064"/>
                  <a:gd name="connsiteY95" fmla="*/ 43148 h 176879"/>
                  <a:gd name="connsiteX96" fmla="*/ 402908 w 897064"/>
                  <a:gd name="connsiteY96" fmla="*/ 43148 h 176879"/>
                  <a:gd name="connsiteX97" fmla="*/ 402908 w 897064"/>
                  <a:gd name="connsiteY97" fmla="*/ 173831 h 176879"/>
                  <a:gd name="connsiteX98" fmla="*/ 438150 w 897064"/>
                  <a:gd name="connsiteY98" fmla="*/ 173831 h 176879"/>
                  <a:gd name="connsiteX99" fmla="*/ 438150 w 897064"/>
                  <a:gd name="connsiteY99" fmla="*/ 97250 h 176879"/>
                  <a:gd name="connsiteX100" fmla="*/ 439865 w 897064"/>
                  <a:gd name="connsiteY100" fmla="*/ 86582 h 176879"/>
                  <a:gd name="connsiteX101" fmla="*/ 461391 w 897064"/>
                  <a:gd name="connsiteY101" fmla="*/ 69818 h 176879"/>
                  <a:gd name="connsiteX102" fmla="*/ 482441 w 897064"/>
                  <a:gd name="connsiteY102" fmla="*/ 99346 h 176879"/>
                  <a:gd name="connsiteX103" fmla="*/ 482441 w 897064"/>
                  <a:gd name="connsiteY103" fmla="*/ 173831 h 176879"/>
                  <a:gd name="connsiteX104" fmla="*/ 517874 w 897064"/>
                  <a:gd name="connsiteY104" fmla="*/ 173831 h 176879"/>
                  <a:gd name="connsiteX105" fmla="*/ 517874 w 897064"/>
                  <a:gd name="connsiteY105" fmla="*/ 96298 h 176879"/>
                  <a:gd name="connsiteX106" fmla="*/ 519398 w 897064"/>
                  <a:gd name="connsiteY106" fmla="*/ 85725 h 176879"/>
                  <a:gd name="connsiteX107" fmla="*/ 540830 w 897064"/>
                  <a:gd name="connsiteY107" fmla="*/ 69818 h 176879"/>
                  <a:gd name="connsiteX108" fmla="*/ 562261 w 897064"/>
                  <a:gd name="connsiteY108" fmla="*/ 102203 h 176879"/>
                  <a:gd name="connsiteX109" fmla="*/ 562261 w 897064"/>
                  <a:gd name="connsiteY109" fmla="*/ 173831 h 176879"/>
                  <a:gd name="connsiteX110" fmla="*/ 597789 w 897064"/>
                  <a:gd name="connsiteY110" fmla="*/ 173831 h 176879"/>
                  <a:gd name="connsiteX111" fmla="*/ 597789 w 897064"/>
                  <a:gd name="connsiteY111" fmla="*/ 96869 h 176879"/>
                  <a:gd name="connsiteX112" fmla="*/ 553974 w 897064"/>
                  <a:gd name="connsiteY112" fmla="*/ 40291 h 176879"/>
                  <a:gd name="connsiteX113" fmla="*/ 528161 w 897064"/>
                  <a:gd name="connsiteY113" fmla="*/ 47339 h 176879"/>
                  <a:gd name="connsiteX114" fmla="*/ 511588 w 897064"/>
                  <a:gd name="connsiteY114" fmla="*/ 63627 h 176879"/>
                  <a:gd name="connsiteX115" fmla="*/ 511016 w 897064"/>
                  <a:gd name="connsiteY115" fmla="*/ 63627 h 176879"/>
                  <a:gd name="connsiteX116" fmla="*/ 475107 w 897064"/>
                  <a:gd name="connsiteY116" fmla="*/ 40291 h 176879"/>
                  <a:gd name="connsiteX117" fmla="*/ 437007 w 897064"/>
                  <a:gd name="connsiteY117" fmla="*/ 60960 h 176879"/>
                  <a:gd name="connsiteX118" fmla="*/ 436531 w 897064"/>
                  <a:gd name="connsiteY118" fmla="*/ 60960 h 176879"/>
                  <a:gd name="connsiteX119" fmla="*/ 436531 w 897064"/>
                  <a:gd name="connsiteY119" fmla="*/ 43244 h 176879"/>
                  <a:gd name="connsiteX120" fmla="*/ 402812 w 897064"/>
                  <a:gd name="connsiteY120" fmla="*/ 43244 h 17687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 ang="0">
                    <a:pos x="connsiteX76" y="connsiteY76"/>
                  </a:cxn>
                  <a:cxn ang="0">
                    <a:pos x="connsiteX77" y="connsiteY77"/>
                  </a:cxn>
                  <a:cxn ang="0">
                    <a:pos x="connsiteX78" y="connsiteY78"/>
                  </a:cxn>
                  <a:cxn ang="0">
                    <a:pos x="connsiteX79" y="connsiteY79"/>
                  </a:cxn>
                  <a:cxn ang="0">
                    <a:pos x="connsiteX80" y="connsiteY80"/>
                  </a:cxn>
                  <a:cxn ang="0">
                    <a:pos x="connsiteX81" y="connsiteY81"/>
                  </a:cxn>
                  <a:cxn ang="0">
                    <a:pos x="connsiteX82" y="connsiteY82"/>
                  </a:cxn>
                  <a:cxn ang="0">
                    <a:pos x="connsiteX83" y="connsiteY83"/>
                  </a:cxn>
                  <a:cxn ang="0">
                    <a:pos x="connsiteX84" y="connsiteY84"/>
                  </a:cxn>
                  <a:cxn ang="0">
                    <a:pos x="connsiteX85" y="connsiteY85"/>
                  </a:cxn>
                  <a:cxn ang="0">
                    <a:pos x="connsiteX86" y="connsiteY86"/>
                  </a:cxn>
                  <a:cxn ang="0">
                    <a:pos x="connsiteX87" y="connsiteY87"/>
                  </a:cxn>
                  <a:cxn ang="0">
                    <a:pos x="connsiteX88" y="connsiteY88"/>
                  </a:cxn>
                  <a:cxn ang="0">
                    <a:pos x="connsiteX89" y="connsiteY89"/>
                  </a:cxn>
                  <a:cxn ang="0">
                    <a:pos x="connsiteX90" y="connsiteY90"/>
                  </a:cxn>
                  <a:cxn ang="0">
                    <a:pos x="connsiteX91" y="connsiteY91"/>
                  </a:cxn>
                  <a:cxn ang="0">
                    <a:pos x="connsiteX92" y="connsiteY92"/>
                  </a:cxn>
                  <a:cxn ang="0">
                    <a:pos x="connsiteX93" y="connsiteY93"/>
                  </a:cxn>
                  <a:cxn ang="0">
                    <a:pos x="connsiteX94" y="connsiteY94"/>
                  </a:cxn>
                  <a:cxn ang="0">
                    <a:pos x="connsiteX95" y="connsiteY95"/>
                  </a:cxn>
                  <a:cxn ang="0">
                    <a:pos x="connsiteX96" y="connsiteY96"/>
                  </a:cxn>
                  <a:cxn ang="0">
                    <a:pos x="connsiteX97" y="connsiteY97"/>
                  </a:cxn>
                  <a:cxn ang="0">
                    <a:pos x="connsiteX98" y="connsiteY98"/>
                  </a:cxn>
                  <a:cxn ang="0">
                    <a:pos x="connsiteX99" y="connsiteY99"/>
                  </a:cxn>
                  <a:cxn ang="0">
                    <a:pos x="connsiteX100" y="connsiteY100"/>
                  </a:cxn>
                  <a:cxn ang="0">
                    <a:pos x="connsiteX101" y="connsiteY101"/>
                  </a:cxn>
                  <a:cxn ang="0">
                    <a:pos x="connsiteX102" y="connsiteY102"/>
                  </a:cxn>
                  <a:cxn ang="0">
                    <a:pos x="connsiteX103" y="connsiteY103"/>
                  </a:cxn>
                  <a:cxn ang="0">
                    <a:pos x="connsiteX104" y="connsiteY104"/>
                  </a:cxn>
                  <a:cxn ang="0">
                    <a:pos x="connsiteX105" y="connsiteY105"/>
                  </a:cxn>
                  <a:cxn ang="0">
                    <a:pos x="connsiteX106" y="connsiteY106"/>
                  </a:cxn>
                  <a:cxn ang="0">
                    <a:pos x="connsiteX107" y="connsiteY107"/>
                  </a:cxn>
                  <a:cxn ang="0">
                    <a:pos x="connsiteX108" y="connsiteY108"/>
                  </a:cxn>
                  <a:cxn ang="0">
                    <a:pos x="connsiteX109" y="connsiteY109"/>
                  </a:cxn>
                  <a:cxn ang="0">
                    <a:pos x="connsiteX110" y="connsiteY110"/>
                  </a:cxn>
                  <a:cxn ang="0">
                    <a:pos x="connsiteX111" y="connsiteY111"/>
                  </a:cxn>
                  <a:cxn ang="0">
                    <a:pos x="connsiteX112" y="connsiteY112"/>
                  </a:cxn>
                  <a:cxn ang="0">
                    <a:pos x="connsiteX113" y="connsiteY113"/>
                  </a:cxn>
                  <a:cxn ang="0">
                    <a:pos x="connsiteX114" y="connsiteY114"/>
                  </a:cxn>
                  <a:cxn ang="0">
                    <a:pos x="connsiteX115" y="connsiteY115"/>
                  </a:cxn>
                  <a:cxn ang="0">
                    <a:pos x="connsiteX116" y="connsiteY116"/>
                  </a:cxn>
                  <a:cxn ang="0">
                    <a:pos x="connsiteX117" y="connsiteY117"/>
                  </a:cxn>
                  <a:cxn ang="0">
                    <a:pos x="connsiteX118" y="connsiteY118"/>
                  </a:cxn>
                  <a:cxn ang="0">
                    <a:pos x="connsiteX119" y="connsiteY119"/>
                  </a:cxn>
                  <a:cxn ang="0">
                    <a:pos x="connsiteX120" y="connsiteY120"/>
                  </a:cxn>
                </a:cxnLst>
                <a:rect l="l" t="t" r="r" b="b"/>
                <a:pathLst>
                  <a:path w="897064" h="176879">
                    <a:moveTo>
                      <a:pt x="687896" y="127159"/>
                    </a:moveTo>
                    <a:cubicBezTo>
                      <a:pt x="687896" y="129635"/>
                      <a:pt x="687705" y="132112"/>
                      <a:pt x="686943" y="134207"/>
                    </a:cubicBezTo>
                    <a:cubicBezTo>
                      <a:pt x="683477" y="144365"/>
                      <a:pt x="673862" y="151133"/>
                      <a:pt x="663131" y="150971"/>
                    </a:cubicBezTo>
                    <a:cubicBezTo>
                      <a:pt x="653415" y="150971"/>
                      <a:pt x="645700" y="145447"/>
                      <a:pt x="645700" y="133636"/>
                    </a:cubicBezTo>
                    <a:cubicBezTo>
                      <a:pt x="645700" y="115729"/>
                      <a:pt x="665417" y="110776"/>
                      <a:pt x="687896" y="110871"/>
                    </a:cubicBezTo>
                    <a:lnTo>
                      <a:pt x="687896" y="127159"/>
                    </a:lnTo>
                    <a:close/>
                    <a:moveTo>
                      <a:pt x="723138" y="95917"/>
                    </a:moveTo>
                    <a:cubicBezTo>
                      <a:pt x="723138" y="66389"/>
                      <a:pt x="710470" y="40291"/>
                      <a:pt x="667798" y="40291"/>
                    </a:cubicBezTo>
                    <a:cubicBezTo>
                      <a:pt x="645890" y="40291"/>
                      <a:pt x="628460" y="46387"/>
                      <a:pt x="618935" y="51911"/>
                    </a:cubicBezTo>
                    <a:lnTo>
                      <a:pt x="625888" y="75724"/>
                    </a:lnTo>
                    <a:cubicBezTo>
                      <a:pt x="636680" y="69324"/>
                      <a:pt x="648965" y="65874"/>
                      <a:pt x="661511" y="65723"/>
                    </a:cubicBezTo>
                    <a:cubicBezTo>
                      <a:pt x="683228" y="65723"/>
                      <a:pt x="686753" y="78010"/>
                      <a:pt x="686753" y="85820"/>
                    </a:cubicBezTo>
                    <a:lnTo>
                      <a:pt x="686753" y="87725"/>
                    </a:lnTo>
                    <a:cubicBezTo>
                      <a:pt x="639509" y="87725"/>
                      <a:pt x="609600" y="104013"/>
                      <a:pt x="609600" y="137351"/>
                    </a:cubicBezTo>
                    <a:cubicBezTo>
                      <a:pt x="609600" y="157734"/>
                      <a:pt x="624840" y="176784"/>
                      <a:pt x="651320" y="176784"/>
                    </a:cubicBezTo>
                    <a:cubicBezTo>
                      <a:pt x="667512" y="176784"/>
                      <a:pt x="681133" y="170307"/>
                      <a:pt x="689324" y="159925"/>
                    </a:cubicBezTo>
                    <a:lnTo>
                      <a:pt x="690086" y="159925"/>
                    </a:lnTo>
                    <a:cubicBezTo>
                      <a:pt x="690086" y="159925"/>
                      <a:pt x="695515" y="182499"/>
                      <a:pt x="725329" y="173831"/>
                    </a:cubicBezTo>
                    <a:cubicBezTo>
                      <a:pt x="723710" y="164402"/>
                      <a:pt x="723138" y="154400"/>
                      <a:pt x="723138" y="142399"/>
                    </a:cubicBezTo>
                    <a:lnTo>
                      <a:pt x="723138" y="95917"/>
                    </a:lnTo>
                    <a:close/>
                    <a:moveTo>
                      <a:pt x="0" y="0"/>
                    </a:moveTo>
                    <a:lnTo>
                      <a:pt x="35814" y="146971"/>
                    </a:lnTo>
                    <a:cubicBezTo>
                      <a:pt x="41529" y="170974"/>
                      <a:pt x="51911" y="179832"/>
                      <a:pt x="81725" y="173831"/>
                    </a:cubicBezTo>
                    <a:lnTo>
                      <a:pt x="101060" y="95441"/>
                    </a:lnTo>
                    <a:cubicBezTo>
                      <a:pt x="105918" y="75914"/>
                      <a:pt x="109252" y="62103"/>
                      <a:pt x="112395" y="42196"/>
                    </a:cubicBezTo>
                    <a:lnTo>
                      <a:pt x="112871" y="42196"/>
                    </a:lnTo>
                    <a:cubicBezTo>
                      <a:pt x="115157" y="62198"/>
                      <a:pt x="118301" y="76009"/>
                      <a:pt x="122301" y="95536"/>
                    </a:cubicBezTo>
                    <a:lnTo>
                      <a:pt x="134112" y="149828"/>
                    </a:lnTo>
                    <a:cubicBezTo>
                      <a:pt x="138208" y="168497"/>
                      <a:pt x="149352" y="180308"/>
                      <a:pt x="178689" y="173831"/>
                    </a:cubicBezTo>
                    <a:lnTo>
                      <a:pt x="224600" y="0"/>
                    </a:lnTo>
                    <a:lnTo>
                      <a:pt x="187452" y="0"/>
                    </a:lnTo>
                    <a:lnTo>
                      <a:pt x="171831" y="75152"/>
                    </a:lnTo>
                    <a:cubicBezTo>
                      <a:pt x="167545" y="97060"/>
                      <a:pt x="163735" y="114205"/>
                      <a:pt x="160782" y="134207"/>
                    </a:cubicBezTo>
                    <a:lnTo>
                      <a:pt x="160306" y="134207"/>
                    </a:lnTo>
                    <a:cubicBezTo>
                      <a:pt x="157639" y="114300"/>
                      <a:pt x="154210" y="97917"/>
                      <a:pt x="149828" y="76581"/>
                    </a:cubicBezTo>
                    <a:lnTo>
                      <a:pt x="133636" y="0"/>
                    </a:lnTo>
                    <a:lnTo>
                      <a:pt x="94964" y="0"/>
                    </a:lnTo>
                    <a:lnTo>
                      <a:pt x="77438" y="74581"/>
                    </a:lnTo>
                    <a:cubicBezTo>
                      <a:pt x="72581" y="97250"/>
                      <a:pt x="67913" y="115538"/>
                      <a:pt x="65056" y="134874"/>
                    </a:cubicBezTo>
                    <a:lnTo>
                      <a:pt x="64484" y="134874"/>
                    </a:lnTo>
                    <a:cubicBezTo>
                      <a:pt x="61436" y="116777"/>
                      <a:pt x="57436" y="93631"/>
                      <a:pt x="53054" y="71723"/>
                    </a:cubicBezTo>
                    <a:lnTo>
                      <a:pt x="39053" y="0"/>
                    </a:lnTo>
                    <a:lnTo>
                      <a:pt x="0" y="0"/>
                    </a:lnTo>
                    <a:moveTo>
                      <a:pt x="292513" y="127159"/>
                    </a:moveTo>
                    <a:cubicBezTo>
                      <a:pt x="292513" y="129635"/>
                      <a:pt x="292322" y="132112"/>
                      <a:pt x="291560" y="134207"/>
                    </a:cubicBezTo>
                    <a:cubicBezTo>
                      <a:pt x="288094" y="144365"/>
                      <a:pt x="278480" y="151133"/>
                      <a:pt x="267748" y="150971"/>
                    </a:cubicBezTo>
                    <a:cubicBezTo>
                      <a:pt x="258032" y="150971"/>
                      <a:pt x="250317" y="145447"/>
                      <a:pt x="250317" y="133636"/>
                    </a:cubicBezTo>
                    <a:cubicBezTo>
                      <a:pt x="250317" y="115729"/>
                      <a:pt x="270034" y="110776"/>
                      <a:pt x="292513" y="110871"/>
                    </a:cubicBezTo>
                    <a:lnTo>
                      <a:pt x="292513" y="127159"/>
                    </a:lnTo>
                    <a:close/>
                    <a:moveTo>
                      <a:pt x="327755" y="95917"/>
                    </a:moveTo>
                    <a:cubicBezTo>
                      <a:pt x="327755" y="66389"/>
                      <a:pt x="315182" y="40291"/>
                      <a:pt x="272510" y="40291"/>
                    </a:cubicBezTo>
                    <a:cubicBezTo>
                      <a:pt x="250603" y="40291"/>
                      <a:pt x="233077" y="46387"/>
                      <a:pt x="223552" y="51911"/>
                    </a:cubicBezTo>
                    <a:lnTo>
                      <a:pt x="230505" y="75724"/>
                    </a:lnTo>
                    <a:cubicBezTo>
                      <a:pt x="241299" y="69328"/>
                      <a:pt x="253583" y="65879"/>
                      <a:pt x="266129" y="65723"/>
                    </a:cubicBezTo>
                    <a:cubicBezTo>
                      <a:pt x="287846" y="65723"/>
                      <a:pt x="291370" y="78010"/>
                      <a:pt x="291370" y="85820"/>
                    </a:cubicBezTo>
                    <a:lnTo>
                      <a:pt x="291370" y="87725"/>
                    </a:lnTo>
                    <a:cubicBezTo>
                      <a:pt x="244126" y="87725"/>
                      <a:pt x="214217" y="104013"/>
                      <a:pt x="214217" y="137351"/>
                    </a:cubicBezTo>
                    <a:cubicBezTo>
                      <a:pt x="214217" y="157734"/>
                      <a:pt x="229457" y="176784"/>
                      <a:pt x="255937" y="176784"/>
                    </a:cubicBezTo>
                    <a:cubicBezTo>
                      <a:pt x="272129" y="176784"/>
                      <a:pt x="285750" y="170307"/>
                      <a:pt x="293942" y="159925"/>
                    </a:cubicBezTo>
                    <a:lnTo>
                      <a:pt x="294704" y="159925"/>
                    </a:lnTo>
                    <a:cubicBezTo>
                      <a:pt x="294704" y="159925"/>
                      <a:pt x="300133" y="182499"/>
                      <a:pt x="329946" y="173831"/>
                    </a:cubicBezTo>
                    <a:cubicBezTo>
                      <a:pt x="328327" y="164402"/>
                      <a:pt x="327755" y="154400"/>
                      <a:pt x="327755" y="142399"/>
                    </a:cubicBezTo>
                    <a:lnTo>
                      <a:pt x="327755" y="95917"/>
                    </a:lnTo>
                    <a:close/>
                    <a:moveTo>
                      <a:pt x="382334" y="136874"/>
                    </a:moveTo>
                    <a:lnTo>
                      <a:pt x="382334" y="95"/>
                    </a:lnTo>
                    <a:lnTo>
                      <a:pt x="347091" y="95"/>
                    </a:lnTo>
                    <a:lnTo>
                      <a:pt x="347091" y="173927"/>
                    </a:lnTo>
                    <a:lnTo>
                      <a:pt x="382334" y="173927"/>
                    </a:lnTo>
                    <a:lnTo>
                      <a:pt x="382334" y="136969"/>
                    </a:lnTo>
                    <a:moveTo>
                      <a:pt x="831533" y="95"/>
                    </a:moveTo>
                    <a:lnTo>
                      <a:pt x="831533" y="128302"/>
                    </a:lnTo>
                    <a:cubicBezTo>
                      <a:pt x="831533" y="146018"/>
                      <a:pt x="834866" y="158401"/>
                      <a:pt x="842010" y="165926"/>
                    </a:cubicBezTo>
                    <a:cubicBezTo>
                      <a:pt x="848201" y="172593"/>
                      <a:pt x="858393" y="176879"/>
                      <a:pt x="870680" y="176879"/>
                    </a:cubicBezTo>
                    <a:cubicBezTo>
                      <a:pt x="881158" y="176879"/>
                      <a:pt x="891350" y="174974"/>
                      <a:pt x="896207" y="173069"/>
                    </a:cubicBezTo>
                    <a:lnTo>
                      <a:pt x="895826" y="145447"/>
                    </a:lnTo>
                    <a:cubicBezTo>
                      <a:pt x="892207" y="146399"/>
                      <a:pt x="888016" y="147066"/>
                      <a:pt x="882396" y="147066"/>
                    </a:cubicBezTo>
                    <a:cubicBezTo>
                      <a:pt x="870395" y="147066"/>
                      <a:pt x="866299" y="139446"/>
                      <a:pt x="866299" y="123539"/>
                    </a:cubicBezTo>
                    <a:lnTo>
                      <a:pt x="866299" y="74486"/>
                    </a:lnTo>
                    <a:lnTo>
                      <a:pt x="897065" y="74486"/>
                    </a:lnTo>
                    <a:lnTo>
                      <a:pt x="897065" y="41148"/>
                    </a:lnTo>
                    <a:lnTo>
                      <a:pt x="866299" y="41148"/>
                    </a:lnTo>
                    <a:lnTo>
                      <a:pt x="866299" y="0"/>
                    </a:lnTo>
                    <a:lnTo>
                      <a:pt x="831533" y="0"/>
                    </a:lnTo>
                    <a:moveTo>
                      <a:pt x="740378" y="43244"/>
                    </a:moveTo>
                    <a:lnTo>
                      <a:pt x="740378" y="173831"/>
                    </a:lnTo>
                    <a:lnTo>
                      <a:pt x="776764" y="173831"/>
                    </a:lnTo>
                    <a:lnTo>
                      <a:pt x="776764" y="106966"/>
                    </a:lnTo>
                    <a:cubicBezTo>
                      <a:pt x="776764" y="103346"/>
                      <a:pt x="777050" y="100298"/>
                      <a:pt x="777621" y="97345"/>
                    </a:cubicBezTo>
                    <a:cubicBezTo>
                      <a:pt x="780288" y="83344"/>
                      <a:pt x="790956" y="74390"/>
                      <a:pt x="806387" y="74390"/>
                    </a:cubicBezTo>
                    <a:cubicBezTo>
                      <a:pt x="810578" y="74390"/>
                      <a:pt x="813626" y="74771"/>
                      <a:pt x="816864" y="75343"/>
                    </a:cubicBezTo>
                    <a:lnTo>
                      <a:pt x="816864" y="41053"/>
                    </a:lnTo>
                    <a:cubicBezTo>
                      <a:pt x="814235" y="40493"/>
                      <a:pt x="811550" y="40237"/>
                      <a:pt x="808863" y="40291"/>
                    </a:cubicBezTo>
                    <a:cubicBezTo>
                      <a:pt x="795242" y="40291"/>
                      <a:pt x="779812" y="49054"/>
                      <a:pt x="773335" y="67913"/>
                    </a:cubicBezTo>
                    <a:lnTo>
                      <a:pt x="772382" y="67913"/>
                    </a:lnTo>
                    <a:lnTo>
                      <a:pt x="772382" y="43148"/>
                    </a:lnTo>
                    <a:lnTo>
                      <a:pt x="740378" y="43148"/>
                    </a:lnTo>
                    <a:moveTo>
                      <a:pt x="402908" y="43148"/>
                    </a:moveTo>
                    <a:lnTo>
                      <a:pt x="402908" y="173831"/>
                    </a:lnTo>
                    <a:lnTo>
                      <a:pt x="438150" y="173831"/>
                    </a:lnTo>
                    <a:lnTo>
                      <a:pt x="438150" y="97250"/>
                    </a:lnTo>
                    <a:cubicBezTo>
                      <a:pt x="438150" y="93631"/>
                      <a:pt x="438626" y="89821"/>
                      <a:pt x="439865" y="86582"/>
                    </a:cubicBezTo>
                    <a:cubicBezTo>
                      <a:pt x="442722" y="78867"/>
                      <a:pt x="449961" y="69818"/>
                      <a:pt x="461391" y="69818"/>
                    </a:cubicBezTo>
                    <a:cubicBezTo>
                      <a:pt x="475679" y="69818"/>
                      <a:pt x="482441" y="81915"/>
                      <a:pt x="482441" y="99346"/>
                    </a:cubicBezTo>
                    <a:lnTo>
                      <a:pt x="482441" y="173831"/>
                    </a:lnTo>
                    <a:lnTo>
                      <a:pt x="517874" y="173831"/>
                    </a:lnTo>
                    <a:lnTo>
                      <a:pt x="517874" y="96298"/>
                    </a:lnTo>
                    <a:cubicBezTo>
                      <a:pt x="517874" y="92869"/>
                      <a:pt x="518350" y="88678"/>
                      <a:pt x="519398" y="85725"/>
                    </a:cubicBezTo>
                    <a:cubicBezTo>
                      <a:pt x="522254" y="76278"/>
                      <a:pt x="530961" y="69816"/>
                      <a:pt x="540830" y="69818"/>
                    </a:cubicBezTo>
                    <a:cubicBezTo>
                      <a:pt x="555308" y="69818"/>
                      <a:pt x="562261" y="81725"/>
                      <a:pt x="562261" y="102203"/>
                    </a:cubicBezTo>
                    <a:lnTo>
                      <a:pt x="562261" y="173831"/>
                    </a:lnTo>
                    <a:lnTo>
                      <a:pt x="597789" y="173831"/>
                    </a:lnTo>
                    <a:lnTo>
                      <a:pt x="597789" y="96869"/>
                    </a:lnTo>
                    <a:cubicBezTo>
                      <a:pt x="597789" y="56388"/>
                      <a:pt x="577120" y="40291"/>
                      <a:pt x="553974" y="40291"/>
                    </a:cubicBezTo>
                    <a:cubicBezTo>
                      <a:pt x="543592" y="40291"/>
                      <a:pt x="535496" y="42863"/>
                      <a:pt x="528161" y="47339"/>
                    </a:cubicBezTo>
                    <a:cubicBezTo>
                      <a:pt x="521970" y="51149"/>
                      <a:pt x="516350" y="56578"/>
                      <a:pt x="511588" y="63627"/>
                    </a:cubicBezTo>
                    <a:lnTo>
                      <a:pt x="511016" y="63627"/>
                    </a:lnTo>
                    <a:cubicBezTo>
                      <a:pt x="505186" y="49037"/>
                      <a:pt x="490807" y="39693"/>
                      <a:pt x="475107" y="40291"/>
                    </a:cubicBezTo>
                    <a:cubicBezTo>
                      <a:pt x="459508" y="39368"/>
                      <a:pt x="444738" y="47381"/>
                      <a:pt x="437007" y="60960"/>
                    </a:cubicBezTo>
                    <a:lnTo>
                      <a:pt x="436531" y="60960"/>
                    </a:lnTo>
                    <a:lnTo>
                      <a:pt x="436531" y="43244"/>
                    </a:lnTo>
                    <a:lnTo>
                      <a:pt x="402812" y="43244"/>
                    </a:lnTo>
                  </a:path>
                </a:pathLst>
              </a:custGeom>
              <a:solidFill>
                <a:srgbClr val="0071DC"/>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220" name="Freeform: Shape 219">
                <a:extLst>
                  <a:ext uri="{FF2B5EF4-FFF2-40B4-BE49-F238E27FC236}">
                    <a16:creationId xmlns:a16="http://schemas.microsoft.com/office/drawing/2014/main" id="{77864D03-2E93-62F2-E382-0C1173D445B1}"/>
                  </a:ext>
                </a:extLst>
              </p:cNvPr>
              <p:cNvSpPr/>
              <p:nvPr/>
            </p:nvSpPr>
            <p:spPr>
              <a:xfrm>
                <a:off x="6635337" y="3187401"/>
                <a:ext cx="283692" cy="299751"/>
              </a:xfrm>
              <a:custGeom>
                <a:avLst/>
                <a:gdLst>
                  <a:gd name="connsiteX0" fmla="*/ 133483 w 283692"/>
                  <a:gd name="connsiteY0" fmla="*/ 100965 h 299751"/>
                  <a:gd name="connsiteX1" fmla="*/ 147104 w 283692"/>
                  <a:gd name="connsiteY1" fmla="*/ 92583 h 299751"/>
                  <a:gd name="connsiteX2" fmla="*/ 153962 w 283692"/>
                  <a:gd name="connsiteY2" fmla="*/ 14097 h 299751"/>
                  <a:gd name="connsiteX3" fmla="*/ 133483 w 283692"/>
                  <a:gd name="connsiteY3" fmla="*/ 0 h 299751"/>
                  <a:gd name="connsiteX4" fmla="*/ 113004 w 283692"/>
                  <a:gd name="connsiteY4" fmla="*/ 14097 h 299751"/>
                  <a:gd name="connsiteX5" fmla="*/ 119958 w 283692"/>
                  <a:gd name="connsiteY5" fmla="*/ 92583 h 299751"/>
                  <a:gd name="connsiteX6" fmla="*/ 133483 w 283692"/>
                  <a:gd name="connsiteY6" fmla="*/ 100870 h 299751"/>
                  <a:gd name="connsiteX7" fmla="*/ 91097 w 283692"/>
                  <a:gd name="connsiteY7" fmla="*/ 125444 h 299751"/>
                  <a:gd name="connsiteX8" fmla="*/ 90621 w 283692"/>
                  <a:gd name="connsiteY8" fmla="*/ 109442 h 299751"/>
                  <a:gd name="connsiteX9" fmla="*/ 26136 w 283692"/>
                  <a:gd name="connsiteY9" fmla="*/ 64294 h 299751"/>
                  <a:gd name="connsiteX10" fmla="*/ 3753 w 283692"/>
                  <a:gd name="connsiteY10" fmla="*/ 74962 h 299751"/>
                  <a:gd name="connsiteX11" fmla="*/ 5658 w 283692"/>
                  <a:gd name="connsiteY11" fmla="*/ 99727 h 299751"/>
                  <a:gd name="connsiteX12" fmla="*/ 77095 w 283692"/>
                  <a:gd name="connsiteY12" fmla="*/ 132969 h 299751"/>
                  <a:gd name="connsiteX13" fmla="*/ 91097 w 283692"/>
                  <a:gd name="connsiteY13" fmla="*/ 125349 h 299751"/>
                  <a:gd name="connsiteX14" fmla="*/ 175869 w 283692"/>
                  <a:gd name="connsiteY14" fmla="*/ 125349 h 299751"/>
                  <a:gd name="connsiteX15" fmla="*/ 189966 w 283692"/>
                  <a:gd name="connsiteY15" fmla="*/ 132969 h 299751"/>
                  <a:gd name="connsiteX16" fmla="*/ 261309 w 283692"/>
                  <a:gd name="connsiteY16" fmla="*/ 99727 h 299751"/>
                  <a:gd name="connsiteX17" fmla="*/ 263309 w 283692"/>
                  <a:gd name="connsiteY17" fmla="*/ 74962 h 299751"/>
                  <a:gd name="connsiteX18" fmla="*/ 240830 w 283692"/>
                  <a:gd name="connsiteY18" fmla="*/ 64294 h 299751"/>
                  <a:gd name="connsiteX19" fmla="*/ 176346 w 283692"/>
                  <a:gd name="connsiteY19" fmla="*/ 109442 h 299751"/>
                  <a:gd name="connsiteX20" fmla="*/ 175965 w 283692"/>
                  <a:gd name="connsiteY20" fmla="*/ 125444 h 299751"/>
                  <a:gd name="connsiteX21" fmla="*/ 133483 w 283692"/>
                  <a:gd name="connsiteY21" fmla="*/ 198787 h 299751"/>
                  <a:gd name="connsiteX22" fmla="*/ 147104 w 283692"/>
                  <a:gd name="connsiteY22" fmla="*/ 207169 h 299751"/>
                  <a:gd name="connsiteX23" fmla="*/ 153962 w 283692"/>
                  <a:gd name="connsiteY23" fmla="*/ 285655 h 299751"/>
                  <a:gd name="connsiteX24" fmla="*/ 133483 w 283692"/>
                  <a:gd name="connsiteY24" fmla="*/ 299752 h 299751"/>
                  <a:gd name="connsiteX25" fmla="*/ 113004 w 283692"/>
                  <a:gd name="connsiteY25" fmla="*/ 285655 h 299751"/>
                  <a:gd name="connsiteX26" fmla="*/ 119958 w 283692"/>
                  <a:gd name="connsiteY26" fmla="*/ 207169 h 299751"/>
                  <a:gd name="connsiteX27" fmla="*/ 133483 w 283692"/>
                  <a:gd name="connsiteY27" fmla="*/ 198882 h 299751"/>
                  <a:gd name="connsiteX28" fmla="*/ 175869 w 283692"/>
                  <a:gd name="connsiteY28" fmla="*/ 174403 h 299751"/>
                  <a:gd name="connsiteX29" fmla="*/ 189966 w 283692"/>
                  <a:gd name="connsiteY29" fmla="*/ 166783 h 299751"/>
                  <a:gd name="connsiteX30" fmla="*/ 261309 w 283692"/>
                  <a:gd name="connsiteY30" fmla="*/ 200025 h 299751"/>
                  <a:gd name="connsiteX31" fmla="*/ 263309 w 283692"/>
                  <a:gd name="connsiteY31" fmla="*/ 224790 h 299751"/>
                  <a:gd name="connsiteX32" fmla="*/ 240830 w 283692"/>
                  <a:gd name="connsiteY32" fmla="*/ 235458 h 299751"/>
                  <a:gd name="connsiteX33" fmla="*/ 176346 w 283692"/>
                  <a:gd name="connsiteY33" fmla="*/ 190310 h 299751"/>
                  <a:gd name="connsiteX34" fmla="*/ 175965 w 283692"/>
                  <a:gd name="connsiteY34" fmla="*/ 174403 h 299751"/>
                  <a:gd name="connsiteX35" fmla="*/ 91097 w 283692"/>
                  <a:gd name="connsiteY35" fmla="*/ 174403 h 299751"/>
                  <a:gd name="connsiteX36" fmla="*/ 90621 w 283692"/>
                  <a:gd name="connsiteY36" fmla="*/ 190310 h 299751"/>
                  <a:gd name="connsiteX37" fmla="*/ 26136 w 283692"/>
                  <a:gd name="connsiteY37" fmla="*/ 235458 h 299751"/>
                  <a:gd name="connsiteX38" fmla="*/ 3753 w 283692"/>
                  <a:gd name="connsiteY38" fmla="*/ 224790 h 299751"/>
                  <a:gd name="connsiteX39" fmla="*/ 5658 w 283692"/>
                  <a:gd name="connsiteY39" fmla="*/ 200025 h 299751"/>
                  <a:gd name="connsiteX40" fmla="*/ 77095 w 283692"/>
                  <a:gd name="connsiteY40" fmla="*/ 166783 h 299751"/>
                  <a:gd name="connsiteX41" fmla="*/ 91097 w 283692"/>
                  <a:gd name="connsiteY41" fmla="*/ 174403 h 299751"/>
                  <a:gd name="connsiteX42" fmla="*/ 276358 w 283692"/>
                  <a:gd name="connsiteY42" fmla="*/ 228600 h 299751"/>
                  <a:gd name="connsiteX43" fmla="*/ 277025 w 283692"/>
                  <a:gd name="connsiteY43" fmla="*/ 228600 h 299751"/>
                  <a:gd name="connsiteX44" fmla="*/ 278454 w 283692"/>
                  <a:gd name="connsiteY44" fmla="*/ 227648 h 299751"/>
                  <a:gd name="connsiteX45" fmla="*/ 277120 w 283692"/>
                  <a:gd name="connsiteY45" fmla="*/ 226695 h 299751"/>
                  <a:gd name="connsiteX46" fmla="*/ 276358 w 283692"/>
                  <a:gd name="connsiteY46" fmla="*/ 226695 h 299751"/>
                  <a:gd name="connsiteX47" fmla="*/ 276358 w 283692"/>
                  <a:gd name="connsiteY47" fmla="*/ 228600 h 299751"/>
                  <a:gd name="connsiteX48" fmla="*/ 276358 w 283692"/>
                  <a:gd name="connsiteY48" fmla="*/ 232029 h 299751"/>
                  <a:gd name="connsiteX49" fmla="*/ 274834 w 283692"/>
                  <a:gd name="connsiteY49" fmla="*/ 232029 h 299751"/>
                  <a:gd name="connsiteX50" fmla="*/ 274834 w 283692"/>
                  <a:gd name="connsiteY50" fmla="*/ 225838 h 299751"/>
                  <a:gd name="connsiteX51" fmla="*/ 277215 w 283692"/>
                  <a:gd name="connsiteY51" fmla="*/ 225647 h 299751"/>
                  <a:gd name="connsiteX52" fmla="*/ 279406 w 283692"/>
                  <a:gd name="connsiteY52" fmla="*/ 226124 h 299751"/>
                  <a:gd name="connsiteX53" fmla="*/ 280073 w 283692"/>
                  <a:gd name="connsiteY53" fmla="*/ 227457 h 299751"/>
                  <a:gd name="connsiteX54" fmla="*/ 278739 w 283692"/>
                  <a:gd name="connsiteY54" fmla="*/ 228981 h 299751"/>
                  <a:gd name="connsiteX55" fmla="*/ 279882 w 283692"/>
                  <a:gd name="connsiteY55" fmla="*/ 230505 h 299751"/>
                  <a:gd name="connsiteX56" fmla="*/ 280359 w 283692"/>
                  <a:gd name="connsiteY56" fmla="*/ 232029 h 299751"/>
                  <a:gd name="connsiteX57" fmla="*/ 278835 w 283692"/>
                  <a:gd name="connsiteY57" fmla="*/ 232029 h 299751"/>
                  <a:gd name="connsiteX58" fmla="*/ 278263 w 283692"/>
                  <a:gd name="connsiteY58" fmla="*/ 230600 h 299751"/>
                  <a:gd name="connsiteX59" fmla="*/ 277025 w 283692"/>
                  <a:gd name="connsiteY59" fmla="*/ 229648 h 299751"/>
                  <a:gd name="connsiteX60" fmla="*/ 276263 w 283692"/>
                  <a:gd name="connsiteY60" fmla="*/ 229648 h 299751"/>
                  <a:gd name="connsiteX61" fmla="*/ 276263 w 283692"/>
                  <a:gd name="connsiteY61" fmla="*/ 232124 h 299751"/>
                  <a:gd name="connsiteX62" fmla="*/ 277311 w 283692"/>
                  <a:gd name="connsiteY62" fmla="*/ 223838 h 299751"/>
                  <a:gd name="connsiteX63" fmla="*/ 272453 w 283692"/>
                  <a:gd name="connsiteY63" fmla="*/ 228886 h 299751"/>
                  <a:gd name="connsiteX64" fmla="*/ 277311 w 283692"/>
                  <a:gd name="connsiteY64" fmla="*/ 233839 h 299751"/>
                  <a:gd name="connsiteX65" fmla="*/ 282073 w 283692"/>
                  <a:gd name="connsiteY65" fmla="*/ 228886 h 299751"/>
                  <a:gd name="connsiteX66" fmla="*/ 277606 w 283692"/>
                  <a:gd name="connsiteY66" fmla="*/ 223846 h 299751"/>
                  <a:gd name="connsiteX67" fmla="*/ 277311 w 283692"/>
                  <a:gd name="connsiteY67" fmla="*/ 223838 h 299751"/>
                  <a:gd name="connsiteX68" fmla="*/ 277311 w 283692"/>
                  <a:gd name="connsiteY68" fmla="*/ 222599 h 299751"/>
                  <a:gd name="connsiteX69" fmla="*/ 283692 w 283692"/>
                  <a:gd name="connsiteY69" fmla="*/ 228886 h 299751"/>
                  <a:gd name="connsiteX70" fmla="*/ 277311 w 283692"/>
                  <a:gd name="connsiteY70" fmla="*/ 235172 h 299751"/>
                  <a:gd name="connsiteX71" fmla="*/ 270834 w 283692"/>
                  <a:gd name="connsiteY71" fmla="*/ 229079 h 299751"/>
                  <a:gd name="connsiteX72" fmla="*/ 270834 w 283692"/>
                  <a:gd name="connsiteY72" fmla="*/ 228886 h 299751"/>
                  <a:gd name="connsiteX73" fmla="*/ 277311 w 283692"/>
                  <a:gd name="connsiteY73" fmla="*/ 222599 h 29975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Lst>
                <a:rect l="l" t="t" r="r" b="b"/>
                <a:pathLst>
                  <a:path w="283692" h="299751">
                    <a:moveTo>
                      <a:pt x="133483" y="100965"/>
                    </a:moveTo>
                    <a:cubicBezTo>
                      <a:pt x="140532" y="100965"/>
                      <a:pt x="146247" y="97250"/>
                      <a:pt x="147104" y="92583"/>
                    </a:cubicBezTo>
                    <a:lnTo>
                      <a:pt x="153962" y="14097"/>
                    </a:lnTo>
                    <a:cubicBezTo>
                      <a:pt x="153962" y="6382"/>
                      <a:pt x="144913" y="0"/>
                      <a:pt x="133483" y="0"/>
                    </a:cubicBezTo>
                    <a:cubicBezTo>
                      <a:pt x="122053" y="0"/>
                      <a:pt x="113004" y="6382"/>
                      <a:pt x="113004" y="14097"/>
                    </a:cubicBezTo>
                    <a:lnTo>
                      <a:pt x="119958" y="92583"/>
                    </a:lnTo>
                    <a:cubicBezTo>
                      <a:pt x="120720" y="97346"/>
                      <a:pt x="126530" y="100870"/>
                      <a:pt x="133483" y="100870"/>
                    </a:cubicBezTo>
                    <a:moveTo>
                      <a:pt x="91097" y="125444"/>
                    </a:moveTo>
                    <a:cubicBezTo>
                      <a:pt x="94621" y="119348"/>
                      <a:pt x="94335" y="112490"/>
                      <a:pt x="90621" y="109442"/>
                    </a:cubicBezTo>
                    <a:lnTo>
                      <a:pt x="26136" y="64294"/>
                    </a:lnTo>
                    <a:cubicBezTo>
                      <a:pt x="19469" y="60389"/>
                      <a:pt x="9468" y="65056"/>
                      <a:pt x="3753" y="74962"/>
                    </a:cubicBezTo>
                    <a:cubicBezTo>
                      <a:pt x="-1962" y="84868"/>
                      <a:pt x="-1010" y="95917"/>
                      <a:pt x="5658" y="99727"/>
                    </a:cubicBezTo>
                    <a:lnTo>
                      <a:pt x="77095" y="132969"/>
                    </a:lnTo>
                    <a:cubicBezTo>
                      <a:pt x="81572" y="134588"/>
                      <a:pt x="87573" y="131445"/>
                      <a:pt x="91097" y="125349"/>
                    </a:cubicBezTo>
                    <a:moveTo>
                      <a:pt x="175869" y="125349"/>
                    </a:moveTo>
                    <a:cubicBezTo>
                      <a:pt x="179394" y="131445"/>
                      <a:pt x="185394" y="134588"/>
                      <a:pt x="189966" y="132969"/>
                    </a:cubicBezTo>
                    <a:lnTo>
                      <a:pt x="261309" y="99727"/>
                    </a:lnTo>
                    <a:cubicBezTo>
                      <a:pt x="267976" y="95917"/>
                      <a:pt x="268929" y="84868"/>
                      <a:pt x="263309" y="74962"/>
                    </a:cubicBezTo>
                    <a:cubicBezTo>
                      <a:pt x="257594" y="65056"/>
                      <a:pt x="247497" y="60389"/>
                      <a:pt x="240830" y="64294"/>
                    </a:cubicBezTo>
                    <a:lnTo>
                      <a:pt x="176346" y="109442"/>
                    </a:lnTo>
                    <a:cubicBezTo>
                      <a:pt x="172726" y="112490"/>
                      <a:pt x="172440" y="119348"/>
                      <a:pt x="175965" y="125444"/>
                    </a:cubicBezTo>
                    <a:moveTo>
                      <a:pt x="133483" y="198787"/>
                    </a:moveTo>
                    <a:cubicBezTo>
                      <a:pt x="140532" y="198787"/>
                      <a:pt x="146247" y="202502"/>
                      <a:pt x="147104" y="207169"/>
                    </a:cubicBezTo>
                    <a:lnTo>
                      <a:pt x="153962" y="285655"/>
                    </a:lnTo>
                    <a:cubicBezTo>
                      <a:pt x="153962" y="293370"/>
                      <a:pt x="144913" y="299752"/>
                      <a:pt x="133483" y="299752"/>
                    </a:cubicBezTo>
                    <a:cubicBezTo>
                      <a:pt x="122053" y="299752"/>
                      <a:pt x="113004" y="293370"/>
                      <a:pt x="113004" y="285655"/>
                    </a:cubicBezTo>
                    <a:lnTo>
                      <a:pt x="119958" y="207169"/>
                    </a:lnTo>
                    <a:cubicBezTo>
                      <a:pt x="120720" y="202406"/>
                      <a:pt x="126530" y="198882"/>
                      <a:pt x="133483" y="198882"/>
                    </a:cubicBezTo>
                    <a:moveTo>
                      <a:pt x="175869" y="174403"/>
                    </a:moveTo>
                    <a:cubicBezTo>
                      <a:pt x="179394" y="168307"/>
                      <a:pt x="185394" y="165164"/>
                      <a:pt x="189966" y="166783"/>
                    </a:cubicBezTo>
                    <a:lnTo>
                      <a:pt x="261309" y="200025"/>
                    </a:lnTo>
                    <a:cubicBezTo>
                      <a:pt x="267976" y="203835"/>
                      <a:pt x="268929" y="214979"/>
                      <a:pt x="263309" y="224790"/>
                    </a:cubicBezTo>
                    <a:cubicBezTo>
                      <a:pt x="257594" y="234696"/>
                      <a:pt x="247497" y="239363"/>
                      <a:pt x="240830" y="235458"/>
                    </a:cubicBezTo>
                    <a:lnTo>
                      <a:pt x="176346" y="190310"/>
                    </a:lnTo>
                    <a:cubicBezTo>
                      <a:pt x="172726" y="187262"/>
                      <a:pt x="172440" y="180404"/>
                      <a:pt x="175965" y="174403"/>
                    </a:cubicBezTo>
                    <a:moveTo>
                      <a:pt x="91097" y="174403"/>
                    </a:moveTo>
                    <a:cubicBezTo>
                      <a:pt x="94621" y="180404"/>
                      <a:pt x="94335" y="187262"/>
                      <a:pt x="90621" y="190310"/>
                    </a:cubicBezTo>
                    <a:lnTo>
                      <a:pt x="26136" y="235458"/>
                    </a:lnTo>
                    <a:cubicBezTo>
                      <a:pt x="19469" y="239268"/>
                      <a:pt x="9468" y="234696"/>
                      <a:pt x="3753" y="224790"/>
                    </a:cubicBezTo>
                    <a:cubicBezTo>
                      <a:pt x="-1962" y="214884"/>
                      <a:pt x="-1010" y="203835"/>
                      <a:pt x="5658" y="200025"/>
                    </a:cubicBezTo>
                    <a:lnTo>
                      <a:pt x="77095" y="166783"/>
                    </a:lnTo>
                    <a:cubicBezTo>
                      <a:pt x="81572" y="165164"/>
                      <a:pt x="87573" y="168307"/>
                      <a:pt x="91097" y="174403"/>
                    </a:cubicBezTo>
                    <a:moveTo>
                      <a:pt x="276358" y="228600"/>
                    </a:moveTo>
                    <a:lnTo>
                      <a:pt x="277025" y="228600"/>
                    </a:lnTo>
                    <a:cubicBezTo>
                      <a:pt x="277787" y="228600"/>
                      <a:pt x="278454" y="228314"/>
                      <a:pt x="278454" y="227648"/>
                    </a:cubicBezTo>
                    <a:cubicBezTo>
                      <a:pt x="278454" y="227076"/>
                      <a:pt x="278073" y="226695"/>
                      <a:pt x="277120" y="226695"/>
                    </a:cubicBezTo>
                    <a:lnTo>
                      <a:pt x="276358" y="226695"/>
                    </a:lnTo>
                    <a:lnTo>
                      <a:pt x="276358" y="228600"/>
                    </a:lnTo>
                    <a:close/>
                    <a:moveTo>
                      <a:pt x="276358" y="232029"/>
                    </a:moveTo>
                    <a:lnTo>
                      <a:pt x="274834" y="232029"/>
                    </a:lnTo>
                    <a:lnTo>
                      <a:pt x="274834" y="225838"/>
                    </a:lnTo>
                    <a:lnTo>
                      <a:pt x="277215" y="225647"/>
                    </a:lnTo>
                    <a:cubicBezTo>
                      <a:pt x="278454" y="225647"/>
                      <a:pt x="278930" y="225838"/>
                      <a:pt x="279406" y="226124"/>
                    </a:cubicBezTo>
                    <a:cubicBezTo>
                      <a:pt x="279787" y="226409"/>
                      <a:pt x="280073" y="226886"/>
                      <a:pt x="280073" y="227457"/>
                    </a:cubicBezTo>
                    <a:cubicBezTo>
                      <a:pt x="280073" y="228219"/>
                      <a:pt x="279501" y="228695"/>
                      <a:pt x="278739" y="228981"/>
                    </a:cubicBezTo>
                    <a:cubicBezTo>
                      <a:pt x="279311" y="229172"/>
                      <a:pt x="279692" y="229743"/>
                      <a:pt x="279882" y="230505"/>
                    </a:cubicBezTo>
                    <a:cubicBezTo>
                      <a:pt x="280073" y="231458"/>
                      <a:pt x="280168" y="231839"/>
                      <a:pt x="280359" y="232029"/>
                    </a:cubicBezTo>
                    <a:lnTo>
                      <a:pt x="278835" y="232029"/>
                    </a:lnTo>
                    <a:cubicBezTo>
                      <a:pt x="278644" y="231839"/>
                      <a:pt x="278454" y="231267"/>
                      <a:pt x="278263" y="230600"/>
                    </a:cubicBezTo>
                    <a:cubicBezTo>
                      <a:pt x="278168" y="229934"/>
                      <a:pt x="277787" y="229648"/>
                      <a:pt x="277025" y="229648"/>
                    </a:cubicBezTo>
                    <a:lnTo>
                      <a:pt x="276263" y="229648"/>
                    </a:lnTo>
                    <a:lnTo>
                      <a:pt x="276263" y="232124"/>
                    </a:lnTo>
                    <a:close/>
                    <a:moveTo>
                      <a:pt x="277311" y="223838"/>
                    </a:moveTo>
                    <a:cubicBezTo>
                      <a:pt x="274453" y="223838"/>
                      <a:pt x="272453" y="226124"/>
                      <a:pt x="272453" y="228886"/>
                    </a:cubicBezTo>
                    <a:cubicBezTo>
                      <a:pt x="272453" y="231648"/>
                      <a:pt x="274548" y="233839"/>
                      <a:pt x="277311" y="233839"/>
                    </a:cubicBezTo>
                    <a:cubicBezTo>
                      <a:pt x="280073" y="233839"/>
                      <a:pt x="282073" y="231648"/>
                      <a:pt x="282073" y="228886"/>
                    </a:cubicBezTo>
                    <a:cubicBezTo>
                      <a:pt x="282235" y="226261"/>
                      <a:pt x="280235" y="224004"/>
                      <a:pt x="277606" y="223846"/>
                    </a:cubicBezTo>
                    <a:cubicBezTo>
                      <a:pt x="277511" y="223840"/>
                      <a:pt x="277406" y="223838"/>
                      <a:pt x="277311" y="223838"/>
                    </a:cubicBezTo>
                    <a:close/>
                    <a:moveTo>
                      <a:pt x="277311" y="222599"/>
                    </a:moveTo>
                    <a:cubicBezTo>
                      <a:pt x="280930" y="222599"/>
                      <a:pt x="283692" y="225362"/>
                      <a:pt x="283692" y="228886"/>
                    </a:cubicBezTo>
                    <a:cubicBezTo>
                      <a:pt x="283692" y="232410"/>
                      <a:pt x="280835" y="235172"/>
                      <a:pt x="277311" y="235172"/>
                    </a:cubicBezTo>
                    <a:cubicBezTo>
                      <a:pt x="273844" y="235277"/>
                      <a:pt x="270938" y="232549"/>
                      <a:pt x="270834" y="229079"/>
                    </a:cubicBezTo>
                    <a:cubicBezTo>
                      <a:pt x="270834" y="229014"/>
                      <a:pt x="270834" y="228951"/>
                      <a:pt x="270834" y="228886"/>
                    </a:cubicBezTo>
                    <a:cubicBezTo>
                      <a:pt x="270834" y="225362"/>
                      <a:pt x="273691" y="222599"/>
                      <a:pt x="277311" y="222599"/>
                    </a:cubicBezTo>
                    <a:close/>
                  </a:path>
                </a:pathLst>
              </a:custGeom>
              <a:solidFill>
                <a:srgbClr val="F3B53B"/>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grpSp>
        <p:grpSp>
          <p:nvGrpSpPr>
            <p:cNvPr id="210" name="Graphic 62">
              <a:extLst>
                <a:ext uri="{FF2B5EF4-FFF2-40B4-BE49-F238E27FC236}">
                  <a16:creationId xmlns:a16="http://schemas.microsoft.com/office/drawing/2014/main" id="{7A5358DF-51C1-E4C2-1A38-5DAAE664F460}"/>
                </a:ext>
              </a:extLst>
            </p:cNvPr>
            <p:cNvGrpSpPr/>
            <p:nvPr/>
          </p:nvGrpSpPr>
          <p:grpSpPr>
            <a:xfrm>
              <a:off x="10756076" y="4315852"/>
              <a:ext cx="738906" cy="274361"/>
              <a:chOff x="8663441" y="3608455"/>
              <a:chExt cx="894077" cy="331977"/>
            </a:xfrm>
          </p:grpSpPr>
          <p:sp>
            <p:nvSpPr>
              <p:cNvPr id="211" name="Freeform: Shape 210">
                <a:extLst>
                  <a:ext uri="{FF2B5EF4-FFF2-40B4-BE49-F238E27FC236}">
                    <a16:creationId xmlns:a16="http://schemas.microsoft.com/office/drawing/2014/main" id="{DE302B84-E2C8-E963-A85F-32127A1B2ED8}"/>
                  </a:ext>
                </a:extLst>
              </p:cNvPr>
              <p:cNvSpPr/>
              <p:nvPr/>
            </p:nvSpPr>
            <p:spPr>
              <a:xfrm flipV="1">
                <a:off x="8663441" y="3608455"/>
                <a:ext cx="894077" cy="331977"/>
              </a:xfrm>
              <a:custGeom>
                <a:avLst/>
                <a:gdLst>
                  <a:gd name="connsiteX0" fmla="*/ 14748 w 894077"/>
                  <a:gd name="connsiteY0" fmla="*/ 314654 h 331977"/>
                  <a:gd name="connsiteX1" fmla="*/ 878346 w 894077"/>
                  <a:gd name="connsiteY1" fmla="*/ 314654 h 331977"/>
                  <a:gd name="connsiteX2" fmla="*/ 878346 w 894077"/>
                  <a:gd name="connsiteY2" fmla="*/ 13030 h 331977"/>
                  <a:gd name="connsiteX3" fmla="*/ 14748 w 894077"/>
                  <a:gd name="connsiteY3" fmla="*/ 13030 h 331977"/>
                  <a:gd name="connsiteX4" fmla="*/ 14748 w 894077"/>
                  <a:gd name="connsiteY4" fmla="*/ 314654 h 331977"/>
                  <a:gd name="connsiteX5" fmla="*/ -365 w 894077"/>
                  <a:gd name="connsiteY5" fmla="*/ -2210 h 331977"/>
                  <a:gd name="connsiteX6" fmla="*/ 893713 w 894077"/>
                  <a:gd name="connsiteY6" fmla="*/ -2210 h 331977"/>
                  <a:gd name="connsiteX7" fmla="*/ 893713 w 894077"/>
                  <a:gd name="connsiteY7" fmla="*/ 329767 h 331977"/>
                  <a:gd name="connsiteX8" fmla="*/ -365 w 894077"/>
                  <a:gd name="connsiteY8" fmla="*/ 329767 h 331977"/>
                  <a:gd name="connsiteX9" fmla="*/ -365 w 894077"/>
                  <a:gd name="connsiteY9" fmla="*/ -2210 h 33197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894077" h="331977">
                    <a:moveTo>
                      <a:pt x="14748" y="314654"/>
                    </a:moveTo>
                    <a:lnTo>
                      <a:pt x="878346" y="314654"/>
                    </a:lnTo>
                    <a:lnTo>
                      <a:pt x="878346" y="13030"/>
                    </a:lnTo>
                    <a:lnTo>
                      <a:pt x="14748" y="13030"/>
                    </a:lnTo>
                    <a:lnTo>
                      <a:pt x="14748" y="314654"/>
                    </a:lnTo>
                    <a:close/>
                    <a:moveTo>
                      <a:pt x="-365" y="-2210"/>
                    </a:moveTo>
                    <a:lnTo>
                      <a:pt x="893713" y="-2210"/>
                    </a:lnTo>
                    <a:lnTo>
                      <a:pt x="893713" y="329767"/>
                    </a:lnTo>
                    <a:lnTo>
                      <a:pt x="-365" y="329767"/>
                    </a:lnTo>
                    <a:lnTo>
                      <a:pt x="-365" y="-2210"/>
                    </a:lnTo>
                  </a:path>
                </a:pathLst>
              </a:custGeom>
              <a:solidFill>
                <a:srgbClr val="231F20"/>
              </a:solidFill>
              <a:ln w="1270"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212" name="Freeform: Shape 211">
                <a:extLst>
                  <a:ext uri="{FF2B5EF4-FFF2-40B4-BE49-F238E27FC236}">
                    <a16:creationId xmlns:a16="http://schemas.microsoft.com/office/drawing/2014/main" id="{021F03A6-9905-2BFB-10EE-BF4EF314063E}"/>
                  </a:ext>
                </a:extLst>
              </p:cNvPr>
              <p:cNvSpPr/>
              <p:nvPr/>
            </p:nvSpPr>
            <p:spPr>
              <a:xfrm flipV="1">
                <a:off x="8740276" y="3684528"/>
                <a:ext cx="174878" cy="179704"/>
              </a:xfrm>
              <a:custGeom>
                <a:avLst/>
                <a:gdLst>
                  <a:gd name="connsiteX0" fmla="*/ 162261 w 174878"/>
                  <a:gd name="connsiteY0" fmla="*/ 166826 h 179704"/>
                  <a:gd name="connsiteX1" fmla="*/ 162261 w 174878"/>
                  <a:gd name="connsiteY1" fmla="*/ 8712 h 179704"/>
                  <a:gd name="connsiteX2" fmla="*/ 174707 w 174878"/>
                  <a:gd name="connsiteY2" fmla="*/ 7061 h 179704"/>
                  <a:gd name="connsiteX3" fmla="*/ 174707 w 174878"/>
                  <a:gd name="connsiteY3" fmla="*/ -2210 h 179704"/>
                  <a:gd name="connsiteX4" fmla="*/ 113366 w 174878"/>
                  <a:gd name="connsiteY4" fmla="*/ -2210 h 179704"/>
                  <a:gd name="connsiteX5" fmla="*/ 113366 w 174878"/>
                  <a:gd name="connsiteY5" fmla="*/ 7061 h 179704"/>
                  <a:gd name="connsiteX6" fmla="*/ 126574 w 174878"/>
                  <a:gd name="connsiteY6" fmla="*/ 8712 h 179704"/>
                  <a:gd name="connsiteX7" fmla="*/ 126574 w 174878"/>
                  <a:gd name="connsiteY7" fmla="*/ 80721 h 179704"/>
                  <a:gd name="connsiteX8" fmla="*/ 48088 w 174878"/>
                  <a:gd name="connsiteY8" fmla="*/ 80721 h 179704"/>
                  <a:gd name="connsiteX9" fmla="*/ 48088 w 174878"/>
                  <a:gd name="connsiteY9" fmla="*/ 8712 h 179704"/>
                  <a:gd name="connsiteX10" fmla="*/ 60153 w 174878"/>
                  <a:gd name="connsiteY10" fmla="*/ 7061 h 179704"/>
                  <a:gd name="connsiteX11" fmla="*/ 60153 w 174878"/>
                  <a:gd name="connsiteY11" fmla="*/ -2210 h 179704"/>
                  <a:gd name="connsiteX12" fmla="*/ -172 w 174878"/>
                  <a:gd name="connsiteY12" fmla="*/ -2210 h 179704"/>
                  <a:gd name="connsiteX13" fmla="*/ -172 w 174878"/>
                  <a:gd name="connsiteY13" fmla="*/ 7061 h 179704"/>
                  <a:gd name="connsiteX14" fmla="*/ 11893 w 174878"/>
                  <a:gd name="connsiteY14" fmla="*/ 8712 h 179704"/>
                  <a:gd name="connsiteX15" fmla="*/ 11893 w 174878"/>
                  <a:gd name="connsiteY15" fmla="*/ 166826 h 179704"/>
                  <a:gd name="connsiteX16" fmla="*/ -172 w 174878"/>
                  <a:gd name="connsiteY16" fmla="*/ 168477 h 179704"/>
                  <a:gd name="connsiteX17" fmla="*/ -172 w 174878"/>
                  <a:gd name="connsiteY17" fmla="*/ 177494 h 179704"/>
                  <a:gd name="connsiteX18" fmla="*/ 60153 w 174878"/>
                  <a:gd name="connsiteY18" fmla="*/ 177494 h 179704"/>
                  <a:gd name="connsiteX19" fmla="*/ 60153 w 174878"/>
                  <a:gd name="connsiteY19" fmla="*/ 168477 h 179704"/>
                  <a:gd name="connsiteX20" fmla="*/ 48088 w 174878"/>
                  <a:gd name="connsiteY20" fmla="*/ 166826 h 179704"/>
                  <a:gd name="connsiteX21" fmla="*/ 48088 w 174878"/>
                  <a:gd name="connsiteY21" fmla="*/ 99263 h 179704"/>
                  <a:gd name="connsiteX22" fmla="*/ 126574 w 174878"/>
                  <a:gd name="connsiteY22" fmla="*/ 99263 h 179704"/>
                  <a:gd name="connsiteX23" fmla="*/ 126574 w 174878"/>
                  <a:gd name="connsiteY23" fmla="*/ 166826 h 179704"/>
                  <a:gd name="connsiteX24" fmla="*/ 113366 w 174878"/>
                  <a:gd name="connsiteY24" fmla="*/ 168477 h 179704"/>
                  <a:gd name="connsiteX25" fmla="*/ 113366 w 174878"/>
                  <a:gd name="connsiteY25" fmla="*/ 177494 h 179704"/>
                  <a:gd name="connsiteX26" fmla="*/ 174707 w 174878"/>
                  <a:gd name="connsiteY26" fmla="*/ 177494 h 179704"/>
                  <a:gd name="connsiteX27" fmla="*/ 174707 w 174878"/>
                  <a:gd name="connsiteY27" fmla="*/ 168477 h 179704"/>
                  <a:gd name="connsiteX28" fmla="*/ 162261 w 174878"/>
                  <a:gd name="connsiteY28" fmla="*/ 166826 h 17970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Lst>
                <a:rect l="l" t="t" r="r" b="b"/>
                <a:pathLst>
                  <a:path w="174878" h="179704">
                    <a:moveTo>
                      <a:pt x="162261" y="166826"/>
                    </a:moveTo>
                    <a:lnTo>
                      <a:pt x="162261" y="8712"/>
                    </a:lnTo>
                    <a:lnTo>
                      <a:pt x="174707" y="7061"/>
                    </a:lnTo>
                    <a:lnTo>
                      <a:pt x="174707" y="-2210"/>
                    </a:lnTo>
                    <a:lnTo>
                      <a:pt x="113366" y="-2210"/>
                    </a:lnTo>
                    <a:lnTo>
                      <a:pt x="113366" y="7061"/>
                    </a:lnTo>
                    <a:lnTo>
                      <a:pt x="126574" y="8712"/>
                    </a:lnTo>
                    <a:lnTo>
                      <a:pt x="126574" y="80721"/>
                    </a:lnTo>
                    <a:lnTo>
                      <a:pt x="48088" y="80721"/>
                    </a:lnTo>
                    <a:lnTo>
                      <a:pt x="48088" y="8712"/>
                    </a:lnTo>
                    <a:lnTo>
                      <a:pt x="60153" y="7061"/>
                    </a:lnTo>
                    <a:lnTo>
                      <a:pt x="60153" y="-2210"/>
                    </a:lnTo>
                    <a:lnTo>
                      <a:pt x="-172" y="-2210"/>
                    </a:lnTo>
                    <a:lnTo>
                      <a:pt x="-172" y="7061"/>
                    </a:lnTo>
                    <a:lnTo>
                      <a:pt x="11893" y="8712"/>
                    </a:lnTo>
                    <a:lnTo>
                      <a:pt x="11893" y="166826"/>
                    </a:lnTo>
                    <a:lnTo>
                      <a:pt x="-172" y="168477"/>
                    </a:lnTo>
                    <a:lnTo>
                      <a:pt x="-172" y="177494"/>
                    </a:lnTo>
                    <a:lnTo>
                      <a:pt x="60153" y="177494"/>
                    </a:lnTo>
                    <a:lnTo>
                      <a:pt x="60153" y="168477"/>
                    </a:lnTo>
                    <a:lnTo>
                      <a:pt x="48088" y="166826"/>
                    </a:lnTo>
                    <a:lnTo>
                      <a:pt x="48088" y="99263"/>
                    </a:lnTo>
                    <a:lnTo>
                      <a:pt x="126574" y="99263"/>
                    </a:lnTo>
                    <a:lnTo>
                      <a:pt x="126574" y="166826"/>
                    </a:lnTo>
                    <a:lnTo>
                      <a:pt x="113366" y="168477"/>
                    </a:lnTo>
                    <a:lnTo>
                      <a:pt x="113366" y="177494"/>
                    </a:lnTo>
                    <a:lnTo>
                      <a:pt x="174707" y="177494"/>
                    </a:lnTo>
                    <a:lnTo>
                      <a:pt x="174707" y="168477"/>
                    </a:lnTo>
                    <a:lnTo>
                      <a:pt x="162261" y="166826"/>
                    </a:lnTo>
                  </a:path>
                </a:pathLst>
              </a:custGeom>
              <a:solidFill>
                <a:srgbClr val="231F20"/>
              </a:solidFill>
              <a:ln w="1270"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213" name="Freeform: Shape 212">
                <a:extLst>
                  <a:ext uri="{FF2B5EF4-FFF2-40B4-BE49-F238E27FC236}">
                    <a16:creationId xmlns:a16="http://schemas.microsoft.com/office/drawing/2014/main" id="{401CE3AA-A724-08AA-0FF5-79B57AB8F075}"/>
                  </a:ext>
                </a:extLst>
              </p:cNvPr>
              <p:cNvSpPr/>
              <p:nvPr/>
            </p:nvSpPr>
            <p:spPr>
              <a:xfrm flipV="1">
                <a:off x="8941571" y="3736344"/>
                <a:ext cx="56387" cy="127888"/>
              </a:xfrm>
              <a:custGeom>
                <a:avLst/>
                <a:gdLst>
                  <a:gd name="connsiteX0" fmla="*/ 44562 w 56387"/>
                  <a:gd name="connsiteY0" fmla="*/ 7592 h 127888"/>
                  <a:gd name="connsiteX1" fmla="*/ 56119 w 56387"/>
                  <a:gd name="connsiteY1" fmla="*/ 5941 h 127888"/>
                  <a:gd name="connsiteX2" fmla="*/ 56119 w 56387"/>
                  <a:gd name="connsiteY2" fmla="*/ -2187 h 127888"/>
                  <a:gd name="connsiteX3" fmla="*/ -268 w 56387"/>
                  <a:gd name="connsiteY3" fmla="*/ -2187 h 127888"/>
                  <a:gd name="connsiteX4" fmla="*/ -268 w 56387"/>
                  <a:gd name="connsiteY4" fmla="*/ 5941 h 127888"/>
                  <a:gd name="connsiteX5" fmla="*/ 11288 w 56387"/>
                  <a:gd name="connsiteY5" fmla="*/ 7592 h 127888"/>
                  <a:gd name="connsiteX6" fmla="*/ 11288 w 56387"/>
                  <a:gd name="connsiteY6" fmla="*/ 115922 h 127888"/>
                  <a:gd name="connsiteX7" fmla="*/ -268 w 56387"/>
                  <a:gd name="connsiteY7" fmla="*/ 117574 h 127888"/>
                  <a:gd name="connsiteX8" fmla="*/ -268 w 56387"/>
                  <a:gd name="connsiteY8" fmla="*/ 125701 h 127888"/>
                  <a:gd name="connsiteX9" fmla="*/ 44562 w 56387"/>
                  <a:gd name="connsiteY9" fmla="*/ 125701 h 127888"/>
                  <a:gd name="connsiteX10" fmla="*/ 44562 w 56387"/>
                  <a:gd name="connsiteY10" fmla="*/ 7592 h 12788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l="l" t="t" r="r" b="b"/>
                <a:pathLst>
                  <a:path w="56387" h="127888">
                    <a:moveTo>
                      <a:pt x="44562" y="7592"/>
                    </a:moveTo>
                    <a:lnTo>
                      <a:pt x="56119" y="5941"/>
                    </a:lnTo>
                    <a:lnTo>
                      <a:pt x="56119" y="-2187"/>
                    </a:lnTo>
                    <a:lnTo>
                      <a:pt x="-268" y="-2187"/>
                    </a:lnTo>
                    <a:lnTo>
                      <a:pt x="-268" y="5941"/>
                    </a:lnTo>
                    <a:lnTo>
                      <a:pt x="11288" y="7592"/>
                    </a:lnTo>
                    <a:lnTo>
                      <a:pt x="11288" y="115922"/>
                    </a:lnTo>
                    <a:lnTo>
                      <a:pt x="-268" y="117574"/>
                    </a:lnTo>
                    <a:lnTo>
                      <a:pt x="-268" y="125701"/>
                    </a:lnTo>
                    <a:lnTo>
                      <a:pt x="44562" y="125701"/>
                    </a:lnTo>
                    <a:lnTo>
                      <a:pt x="44562" y="7592"/>
                    </a:lnTo>
                  </a:path>
                </a:pathLst>
              </a:custGeom>
              <a:solidFill>
                <a:srgbClr val="231F20"/>
              </a:solidFill>
              <a:ln w="1270"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214" name="Freeform: Shape 213">
                <a:extLst>
                  <a:ext uri="{FF2B5EF4-FFF2-40B4-BE49-F238E27FC236}">
                    <a16:creationId xmlns:a16="http://schemas.microsoft.com/office/drawing/2014/main" id="{3C955EDA-1207-10C7-0474-1A218548B195}"/>
                  </a:ext>
                </a:extLst>
              </p:cNvPr>
              <p:cNvSpPr/>
              <p:nvPr/>
            </p:nvSpPr>
            <p:spPr>
              <a:xfrm flipV="1">
                <a:off x="9022469" y="3684655"/>
                <a:ext cx="56387" cy="179704"/>
              </a:xfrm>
              <a:custGeom>
                <a:avLst/>
                <a:gdLst>
                  <a:gd name="connsiteX0" fmla="*/ -324 w 56387"/>
                  <a:gd name="connsiteY0" fmla="*/ 5791 h 179704"/>
                  <a:gd name="connsiteX1" fmla="*/ 10979 w 56387"/>
                  <a:gd name="connsiteY1" fmla="*/ 7315 h 179704"/>
                  <a:gd name="connsiteX2" fmla="*/ 10979 w 56387"/>
                  <a:gd name="connsiteY2" fmla="*/ 167969 h 179704"/>
                  <a:gd name="connsiteX3" fmla="*/ -324 w 56387"/>
                  <a:gd name="connsiteY3" fmla="*/ 169620 h 179704"/>
                  <a:gd name="connsiteX4" fmla="*/ -324 w 56387"/>
                  <a:gd name="connsiteY4" fmla="*/ 177494 h 179704"/>
                  <a:gd name="connsiteX5" fmla="*/ 44507 w 56387"/>
                  <a:gd name="connsiteY5" fmla="*/ 177494 h 179704"/>
                  <a:gd name="connsiteX6" fmla="*/ 44507 w 56387"/>
                  <a:gd name="connsiteY6" fmla="*/ 7315 h 179704"/>
                  <a:gd name="connsiteX7" fmla="*/ 56064 w 56387"/>
                  <a:gd name="connsiteY7" fmla="*/ 5791 h 179704"/>
                  <a:gd name="connsiteX8" fmla="*/ 56064 w 56387"/>
                  <a:gd name="connsiteY8" fmla="*/ -2210 h 179704"/>
                  <a:gd name="connsiteX9" fmla="*/ -324 w 56387"/>
                  <a:gd name="connsiteY9" fmla="*/ -2210 h 179704"/>
                  <a:gd name="connsiteX10" fmla="*/ -324 w 56387"/>
                  <a:gd name="connsiteY10" fmla="*/ 5791 h 17970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l="l" t="t" r="r" b="b"/>
                <a:pathLst>
                  <a:path w="56387" h="179704">
                    <a:moveTo>
                      <a:pt x="-324" y="5791"/>
                    </a:moveTo>
                    <a:lnTo>
                      <a:pt x="10979" y="7315"/>
                    </a:lnTo>
                    <a:lnTo>
                      <a:pt x="10979" y="167969"/>
                    </a:lnTo>
                    <a:lnTo>
                      <a:pt x="-324" y="169620"/>
                    </a:lnTo>
                    <a:lnTo>
                      <a:pt x="-324" y="177494"/>
                    </a:lnTo>
                    <a:lnTo>
                      <a:pt x="44507" y="177494"/>
                    </a:lnTo>
                    <a:lnTo>
                      <a:pt x="44507" y="7315"/>
                    </a:lnTo>
                    <a:lnTo>
                      <a:pt x="56064" y="5791"/>
                    </a:lnTo>
                    <a:lnTo>
                      <a:pt x="56064" y="-2210"/>
                    </a:lnTo>
                    <a:lnTo>
                      <a:pt x="-324" y="-2210"/>
                    </a:lnTo>
                    <a:lnTo>
                      <a:pt x="-324" y="5791"/>
                    </a:lnTo>
                  </a:path>
                </a:pathLst>
              </a:custGeom>
              <a:solidFill>
                <a:srgbClr val="231F20"/>
              </a:solidFill>
              <a:ln w="1270"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215" name="Freeform: Shape 214">
                <a:extLst>
                  <a:ext uri="{FF2B5EF4-FFF2-40B4-BE49-F238E27FC236}">
                    <a16:creationId xmlns:a16="http://schemas.microsoft.com/office/drawing/2014/main" id="{A42B115D-D338-7A6F-53BD-FE3C949325ED}"/>
                  </a:ext>
                </a:extLst>
              </p:cNvPr>
              <p:cNvSpPr/>
              <p:nvPr/>
            </p:nvSpPr>
            <p:spPr>
              <a:xfrm flipV="1">
                <a:off x="9090287" y="3699895"/>
                <a:ext cx="97027" cy="165861"/>
              </a:xfrm>
              <a:custGeom>
                <a:avLst/>
                <a:gdLst>
                  <a:gd name="connsiteX0" fmla="*/ 56766 w 97027"/>
                  <a:gd name="connsiteY0" fmla="*/ 127210 h 165861"/>
                  <a:gd name="connsiteX1" fmla="*/ 86992 w 97027"/>
                  <a:gd name="connsiteY1" fmla="*/ 127210 h 165861"/>
                  <a:gd name="connsiteX2" fmla="*/ 86992 w 97027"/>
                  <a:gd name="connsiteY2" fmla="*/ 115272 h 165861"/>
                  <a:gd name="connsiteX3" fmla="*/ 56766 w 97027"/>
                  <a:gd name="connsiteY3" fmla="*/ 115272 h 165861"/>
                  <a:gd name="connsiteX4" fmla="*/ 56766 w 97027"/>
                  <a:gd name="connsiteY4" fmla="*/ 39199 h 165861"/>
                  <a:gd name="connsiteX5" fmla="*/ 78737 w 97027"/>
                  <a:gd name="connsiteY5" fmla="*/ 13291 h 165861"/>
                  <a:gd name="connsiteX6" fmla="*/ 96644 w 97027"/>
                  <a:gd name="connsiteY6" fmla="*/ 14688 h 165861"/>
                  <a:gd name="connsiteX7" fmla="*/ 96644 w 97027"/>
                  <a:gd name="connsiteY7" fmla="*/ 5925 h 165861"/>
                  <a:gd name="connsiteX8" fmla="*/ 55115 w 97027"/>
                  <a:gd name="connsiteY8" fmla="*/ -2203 h 165861"/>
                  <a:gd name="connsiteX9" fmla="*/ 23238 w 97027"/>
                  <a:gd name="connsiteY9" fmla="*/ 31833 h 165861"/>
                  <a:gd name="connsiteX10" fmla="*/ 23238 w 97027"/>
                  <a:gd name="connsiteY10" fmla="*/ 115272 h 165861"/>
                  <a:gd name="connsiteX11" fmla="*/ -384 w 97027"/>
                  <a:gd name="connsiteY11" fmla="*/ 115272 h 165861"/>
                  <a:gd name="connsiteX12" fmla="*/ -384 w 97027"/>
                  <a:gd name="connsiteY12" fmla="*/ 127210 h 165861"/>
                  <a:gd name="connsiteX13" fmla="*/ 24127 w 97027"/>
                  <a:gd name="connsiteY13" fmla="*/ 127210 h 165861"/>
                  <a:gd name="connsiteX14" fmla="*/ 24127 w 97027"/>
                  <a:gd name="connsiteY14" fmla="*/ 153880 h 165861"/>
                  <a:gd name="connsiteX15" fmla="*/ 56893 w 97027"/>
                  <a:gd name="connsiteY15" fmla="*/ 163659 h 165861"/>
                  <a:gd name="connsiteX16" fmla="*/ 56893 w 97027"/>
                  <a:gd name="connsiteY16" fmla="*/ 127210 h 16586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l="l" t="t" r="r" b="b"/>
                <a:pathLst>
                  <a:path w="97027" h="165861">
                    <a:moveTo>
                      <a:pt x="56766" y="127210"/>
                    </a:moveTo>
                    <a:lnTo>
                      <a:pt x="86992" y="127210"/>
                    </a:lnTo>
                    <a:lnTo>
                      <a:pt x="86992" y="115272"/>
                    </a:lnTo>
                    <a:lnTo>
                      <a:pt x="56766" y="115272"/>
                    </a:lnTo>
                    <a:lnTo>
                      <a:pt x="56766" y="39199"/>
                    </a:lnTo>
                    <a:cubicBezTo>
                      <a:pt x="56766" y="19514"/>
                      <a:pt x="60830" y="13291"/>
                      <a:pt x="78737" y="13291"/>
                    </a:cubicBezTo>
                    <a:cubicBezTo>
                      <a:pt x="85341" y="13291"/>
                      <a:pt x="91183" y="13291"/>
                      <a:pt x="96644" y="14688"/>
                    </a:cubicBezTo>
                    <a:lnTo>
                      <a:pt x="96644" y="5925"/>
                    </a:lnTo>
                    <a:cubicBezTo>
                      <a:pt x="80388" y="210"/>
                      <a:pt x="66672" y="-2203"/>
                      <a:pt x="55115" y="-2203"/>
                    </a:cubicBezTo>
                    <a:cubicBezTo>
                      <a:pt x="29207" y="-2203"/>
                      <a:pt x="23238" y="9481"/>
                      <a:pt x="23238" y="31833"/>
                    </a:cubicBezTo>
                    <a:lnTo>
                      <a:pt x="23238" y="115272"/>
                    </a:lnTo>
                    <a:lnTo>
                      <a:pt x="-384" y="115272"/>
                    </a:lnTo>
                    <a:lnTo>
                      <a:pt x="-384" y="127210"/>
                    </a:lnTo>
                    <a:lnTo>
                      <a:pt x="24127" y="127210"/>
                    </a:lnTo>
                    <a:lnTo>
                      <a:pt x="24127" y="153880"/>
                    </a:lnTo>
                    <a:lnTo>
                      <a:pt x="56893" y="163659"/>
                    </a:lnTo>
                    <a:lnTo>
                      <a:pt x="56893" y="127210"/>
                    </a:lnTo>
                  </a:path>
                </a:pathLst>
              </a:custGeom>
              <a:solidFill>
                <a:srgbClr val="231F20"/>
              </a:solidFill>
              <a:ln w="1270"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216" name="Freeform: Shape 215">
                <a:extLst>
                  <a:ext uri="{FF2B5EF4-FFF2-40B4-BE49-F238E27FC236}">
                    <a16:creationId xmlns:a16="http://schemas.microsoft.com/office/drawing/2014/main" id="{70C3F004-2F11-CC01-52D3-13919A1B31BD}"/>
                  </a:ext>
                </a:extLst>
              </p:cNvPr>
              <p:cNvSpPr/>
              <p:nvPr/>
            </p:nvSpPr>
            <p:spPr>
              <a:xfrm flipV="1">
                <a:off x="9192903" y="3732788"/>
                <a:ext cx="136524" cy="135254"/>
              </a:xfrm>
              <a:custGeom>
                <a:avLst/>
                <a:gdLst>
                  <a:gd name="connsiteX0" fmla="*/ 136057 w 136524"/>
                  <a:gd name="connsiteY0" fmla="*/ 64361 h 135254"/>
                  <a:gd name="connsiteX1" fmla="*/ 66716 w 136524"/>
                  <a:gd name="connsiteY1" fmla="*/ -2187 h 135254"/>
                  <a:gd name="connsiteX2" fmla="*/ -467 w 136524"/>
                  <a:gd name="connsiteY2" fmla="*/ 64361 h 135254"/>
                  <a:gd name="connsiteX3" fmla="*/ 68874 w 136524"/>
                  <a:gd name="connsiteY3" fmla="*/ 133068 h 135254"/>
                  <a:gd name="connsiteX4" fmla="*/ 136057 w 136524"/>
                  <a:gd name="connsiteY4" fmla="*/ 64361 h 135254"/>
                  <a:gd name="connsiteX5" fmla="*/ 99227 w 136524"/>
                  <a:gd name="connsiteY5" fmla="*/ 65123 h 135254"/>
                  <a:gd name="connsiteX6" fmla="*/ 67604 w 136524"/>
                  <a:gd name="connsiteY6" fmla="*/ 123162 h 135254"/>
                  <a:gd name="connsiteX7" fmla="*/ 36490 w 136524"/>
                  <a:gd name="connsiteY7" fmla="*/ 65123 h 135254"/>
                  <a:gd name="connsiteX8" fmla="*/ 67604 w 136524"/>
                  <a:gd name="connsiteY8" fmla="*/ 7592 h 135254"/>
                  <a:gd name="connsiteX9" fmla="*/ 99227 w 136524"/>
                  <a:gd name="connsiteY9" fmla="*/ 65123 h 13525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36524" h="135254">
                    <a:moveTo>
                      <a:pt x="136057" y="64361"/>
                    </a:moveTo>
                    <a:cubicBezTo>
                      <a:pt x="136057" y="24483"/>
                      <a:pt x="109133" y="-2187"/>
                      <a:pt x="66716" y="-2187"/>
                    </a:cubicBezTo>
                    <a:cubicBezTo>
                      <a:pt x="25695" y="-2187"/>
                      <a:pt x="-467" y="15212"/>
                      <a:pt x="-467" y="64361"/>
                    </a:cubicBezTo>
                    <a:cubicBezTo>
                      <a:pt x="-467" y="105509"/>
                      <a:pt x="26457" y="133068"/>
                      <a:pt x="68874" y="133068"/>
                    </a:cubicBezTo>
                    <a:cubicBezTo>
                      <a:pt x="110784" y="133068"/>
                      <a:pt x="136057" y="108176"/>
                      <a:pt x="136057" y="64361"/>
                    </a:cubicBezTo>
                    <a:moveTo>
                      <a:pt x="99227" y="65123"/>
                    </a:moveTo>
                    <a:cubicBezTo>
                      <a:pt x="99227" y="105509"/>
                      <a:pt x="87162" y="123162"/>
                      <a:pt x="67604" y="123162"/>
                    </a:cubicBezTo>
                    <a:cubicBezTo>
                      <a:pt x="48554" y="123162"/>
                      <a:pt x="36490" y="106271"/>
                      <a:pt x="36490" y="65123"/>
                    </a:cubicBezTo>
                    <a:cubicBezTo>
                      <a:pt x="36490" y="24483"/>
                      <a:pt x="48554" y="7592"/>
                      <a:pt x="67604" y="7592"/>
                    </a:cubicBezTo>
                    <a:cubicBezTo>
                      <a:pt x="87924" y="7592"/>
                      <a:pt x="99227" y="23721"/>
                      <a:pt x="99227" y="65123"/>
                    </a:cubicBezTo>
                  </a:path>
                </a:pathLst>
              </a:custGeom>
              <a:solidFill>
                <a:srgbClr val="231F20"/>
              </a:solidFill>
              <a:ln w="1270"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217" name="Freeform: Shape 216">
                <a:extLst>
                  <a:ext uri="{FF2B5EF4-FFF2-40B4-BE49-F238E27FC236}">
                    <a16:creationId xmlns:a16="http://schemas.microsoft.com/office/drawing/2014/main" id="{D7A77BC7-1806-9A53-25C7-602904D2CBF0}"/>
                  </a:ext>
                </a:extLst>
              </p:cNvPr>
              <p:cNvSpPr/>
              <p:nvPr/>
            </p:nvSpPr>
            <p:spPr>
              <a:xfrm flipV="1">
                <a:off x="9342890" y="3733931"/>
                <a:ext cx="139699" cy="130301"/>
              </a:xfrm>
              <a:custGeom>
                <a:avLst/>
                <a:gdLst>
                  <a:gd name="connsiteX0" fmla="*/ 139129 w 139699"/>
                  <a:gd name="connsiteY0" fmla="*/ 5940 h 130301"/>
                  <a:gd name="connsiteX1" fmla="*/ 139129 w 139699"/>
                  <a:gd name="connsiteY1" fmla="*/ -2188 h 130301"/>
                  <a:gd name="connsiteX2" fmla="*/ 82741 w 139699"/>
                  <a:gd name="connsiteY2" fmla="*/ -2188 h 130301"/>
                  <a:gd name="connsiteX3" fmla="*/ 82741 w 139699"/>
                  <a:gd name="connsiteY3" fmla="*/ 5940 h 130301"/>
                  <a:gd name="connsiteX4" fmla="*/ 94044 w 139699"/>
                  <a:gd name="connsiteY4" fmla="*/ 7591 h 130301"/>
                  <a:gd name="connsiteX5" fmla="*/ 94044 w 139699"/>
                  <a:gd name="connsiteY5" fmla="*/ 80361 h 130301"/>
                  <a:gd name="connsiteX6" fmla="*/ 71184 w 139699"/>
                  <a:gd name="connsiteY6" fmla="*/ 109571 h 130301"/>
                  <a:gd name="connsiteX7" fmla="*/ 44514 w 139699"/>
                  <a:gd name="connsiteY7" fmla="*/ 98904 h 130301"/>
                  <a:gd name="connsiteX8" fmla="*/ 44514 w 139699"/>
                  <a:gd name="connsiteY8" fmla="*/ 7591 h 130301"/>
                  <a:gd name="connsiteX9" fmla="*/ 56071 w 139699"/>
                  <a:gd name="connsiteY9" fmla="*/ 5940 h 130301"/>
                  <a:gd name="connsiteX10" fmla="*/ 56071 w 139699"/>
                  <a:gd name="connsiteY10" fmla="*/ -2188 h 130301"/>
                  <a:gd name="connsiteX11" fmla="*/ -571 w 139699"/>
                  <a:gd name="connsiteY11" fmla="*/ -2188 h 130301"/>
                  <a:gd name="connsiteX12" fmla="*/ -571 w 139699"/>
                  <a:gd name="connsiteY12" fmla="*/ 5940 h 130301"/>
                  <a:gd name="connsiteX13" fmla="*/ 10986 w 139699"/>
                  <a:gd name="connsiteY13" fmla="*/ 7591 h 130301"/>
                  <a:gd name="connsiteX14" fmla="*/ 10986 w 139699"/>
                  <a:gd name="connsiteY14" fmla="*/ 115032 h 130301"/>
                  <a:gd name="connsiteX15" fmla="*/ -571 w 139699"/>
                  <a:gd name="connsiteY15" fmla="*/ 116684 h 130301"/>
                  <a:gd name="connsiteX16" fmla="*/ -571 w 139699"/>
                  <a:gd name="connsiteY16" fmla="*/ 125700 h 130301"/>
                  <a:gd name="connsiteX17" fmla="*/ 44514 w 139699"/>
                  <a:gd name="connsiteY17" fmla="*/ 125700 h 130301"/>
                  <a:gd name="connsiteX18" fmla="*/ 44514 w 139699"/>
                  <a:gd name="connsiteY18" fmla="*/ 107920 h 130301"/>
                  <a:gd name="connsiteX19" fmla="*/ 90996 w 139699"/>
                  <a:gd name="connsiteY19" fmla="*/ 128114 h 130301"/>
                  <a:gd name="connsiteX20" fmla="*/ 127572 w 139699"/>
                  <a:gd name="connsiteY20" fmla="*/ 84425 h 130301"/>
                  <a:gd name="connsiteX21" fmla="*/ 127572 w 139699"/>
                  <a:gd name="connsiteY21" fmla="*/ 7464 h 130301"/>
                  <a:gd name="connsiteX22" fmla="*/ 139129 w 139699"/>
                  <a:gd name="connsiteY22" fmla="*/ 5940 h 13030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l="l" t="t" r="r" b="b"/>
                <a:pathLst>
                  <a:path w="139699" h="130301">
                    <a:moveTo>
                      <a:pt x="139129" y="5940"/>
                    </a:moveTo>
                    <a:lnTo>
                      <a:pt x="139129" y="-2188"/>
                    </a:lnTo>
                    <a:lnTo>
                      <a:pt x="82741" y="-2188"/>
                    </a:lnTo>
                    <a:lnTo>
                      <a:pt x="82741" y="5940"/>
                    </a:lnTo>
                    <a:lnTo>
                      <a:pt x="94044" y="7591"/>
                    </a:lnTo>
                    <a:lnTo>
                      <a:pt x="94044" y="80361"/>
                    </a:lnTo>
                    <a:cubicBezTo>
                      <a:pt x="94044" y="100555"/>
                      <a:pt x="86551" y="109571"/>
                      <a:pt x="71184" y="109571"/>
                    </a:cubicBezTo>
                    <a:cubicBezTo>
                      <a:pt x="64072" y="109571"/>
                      <a:pt x="52769" y="104619"/>
                      <a:pt x="44514" y="98904"/>
                    </a:cubicBezTo>
                    <a:lnTo>
                      <a:pt x="44514" y="7591"/>
                    </a:lnTo>
                    <a:lnTo>
                      <a:pt x="56071" y="5940"/>
                    </a:lnTo>
                    <a:lnTo>
                      <a:pt x="56071" y="-2188"/>
                    </a:lnTo>
                    <a:lnTo>
                      <a:pt x="-571" y="-2188"/>
                    </a:lnTo>
                    <a:lnTo>
                      <a:pt x="-571" y="5940"/>
                    </a:lnTo>
                    <a:lnTo>
                      <a:pt x="10986" y="7591"/>
                    </a:lnTo>
                    <a:lnTo>
                      <a:pt x="10986" y="115032"/>
                    </a:lnTo>
                    <a:lnTo>
                      <a:pt x="-571" y="116684"/>
                    </a:lnTo>
                    <a:lnTo>
                      <a:pt x="-571" y="125700"/>
                    </a:lnTo>
                    <a:lnTo>
                      <a:pt x="44514" y="125700"/>
                    </a:lnTo>
                    <a:lnTo>
                      <a:pt x="44514" y="107920"/>
                    </a:lnTo>
                    <a:cubicBezTo>
                      <a:pt x="58484" y="119096"/>
                      <a:pt x="72073" y="128114"/>
                      <a:pt x="90996" y="128114"/>
                    </a:cubicBezTo>
                    <a:cubicBezTo>
                      <a:pt x="116269" y="128114"/>
                      <a:pt x="127572" y="113381"/>
                      <a:pt x="127572" y="84425"/>
                    </a:cubicBezTo>
                    <a:lnTo>
                      <a:pt x="127572" y="7464"/>
                    </a:lnTo>
                    <a:lnTo>
                      <a:pt x="139129" y="5940"/>
                    </a:lnTo>
                  </a:path>
                </a:pathLst>
              </a:custGeom>
              <a:solidFill>
                <a:srgbClr val="231F20"/>
              </a:solidFill>
              <a:ln w="1270"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218" name="Freeform: Shape 217">
                <a:extLst>
                  <a:ext uri="{FF2B5EF4-FFF2-40B4-BE49-F238E27FC236}">
                    <a16:creationId xmlns:a16="http://schemas.microsoft.com/office/drawing/2014/main" id="{82CF4FF3-1CB1-4D9B-90CF-8A6F4010F0D9}"/>
                  </a:ext>
                </a:extLst>
              </p:cNvPr>
              <p:cNvSpPr/>
              <p:nvPr/>
            </p:nvSpPr>
            <p:spPr>
              <a:xfrm flipV="1">
                <a:off x="8951731" y="3684528"/>
                <a:ext cx="36321" cy="36067"/>
              </a:xfrm>
              <a:custGeom>
                <a:avLst/>
                <a:gdLst>
                  <a:gd name="connsiteX0" fmla="*/ 36053 w 36321"/>
                  <a:gd name="connsiteY0" fmla="*/ 15759 h 36067"/>
                  <a:gd name="connsiteX1" fmla="*/ 17892 w 36321"/>
                  <a:gd name="connsiteY1" fmla="*/ -2274 h 36067"/>
                  <a:gd name="connsiteX2" fmla="*/ -269 w 36321"/>
                  <a:gd name="connsiteY2" fmla="*/ 15759 h 36067"/>
                  <a:gd name="connsiteX3" fmla="*/ 17892 w 36321"/>
                  <a:gd name="connsiteY3" fmla="*/ 33793 h 36067"/>
                  <a:gd name="connsiteX4" fmla="*/ 36053 w 36321"/>
                  <a:gd name="connsiteY4" fmla="*/ 15759 h 3606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6321" h="36067">
                    <a:moveTo>
                      <a:pt x="36053" y="15759"/>
                    </a:moveTo>
                    <a:cubicBezTo>
                      <a:pt x="36053" y="5853"/>
                      <a:pt x="27925" y="-2274"/>
                      <a:pt x="17892" y="-2274"/>
                    </a:cubicBezTo>
                    <a:cubicBezTo>
                      <a:pt x="7859" y="-2274"/>
                      <a:pt x="-269" y="5727"/>
                      <a:pt x="-269" y="15759"/>
                    </a:cubicBezTo>
                    <a:cubicBezTo>
                      <a:pt x="-269" y="25665"/>
                      <a:pt x="7859" y="33793"/>
                      <a:pt x="17892" y="33793"/>
                    </a:cubicBezTo>
                    <a:cubicBezTo>
                      <a:pt x="27925" y="33793"/>
                      <a:pt x="36053" y="25665"/>
                      <a:pt x="36053" y="15759"/>
                    </a:cubicBezTo>
                  </a:path>
                </a:pathLst>
              </a:custGeom>
              <a:solidFill>
                <a:srgbClr val="231F20"/>
              </a:solidFill>
              <a:ln w="1270"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grpSp>
      </p:grpSp>
      <p:grpSp>
        <p:nvGrpSpPr>
          <p:cNvPr id="223" name="Group 222">
            <a:extLst>
              <a:ext uri="{FF2B5EF4-FFF2-40B4-BE49-F238E27FC236}">
                <a16:creationId xmlns:a16="http://schemas.microsoft.com/office/drawing/2014/main" id="{FC7D3F4D-2DFC-698D-2960-F3AF254F9127}"/>
              </a:ext>
            </a:extLst>
          </p:cNvPr>
          <p:cNvGrpSpPr/>
          <p:nvPr/>
        </p:nvGrpSpPr>
        <p:grpSpPr>
          <a:xfrm>
            <a:off x="675279" y="2415467"/>
            <a:ext cx="11100994" cy="459727"/>
            <a:chOff x="675279" y="2309583"/>
            <a:chExt cx="11100994" cy="459727"/>
          </a:xfrm>
        </p:grpSpPr>
        <p:sp>
          <p:nvSpPr>
            <p:cNvPr id="224" name="Rectangle 223">
              <a:extLst>
                <a:ext uri="{FF2B5EF4-FFF2-40B4-BE49-F238E27FC236}">
                  <a16:creationId xmlns:a16="http://schemas.microsoft.com/office/drawing/2014/main" id="{D23CDA01-7940-100D-4C5E-C6081C789D06}"/>
                </a:ext>
              </a:extLst>
            </p:cNvPr>
            <p:cNvSpPr/>
            <p:nvPr/>
          </p:nvSpPr>
          <p:spPr>
            <a:xfrm>
              <a:off x="675279" y="2309583"/>
              <a:ext cx="1590701" cy="459727"/>
            </a:xfrm>
            <a:prstGeom prst="rect">
              <a:avLst/>
            </a:prstGeom>
            <a:solidFill>
              <a:srgbClr val="045694"/>
            </a:solidFill>
            <a:ln w="3175">
              <a:solidFill>
                <a:srgbClr val="01597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100" i="0" u="none" strike="noStrike" kern="1200" cap="none" spc="0" normalizeH="0" baseline="0" noProof="0">
                  <a:ln>
                    <a:noFill/>
                  </a:ln>
                  <a:solidFill>
                    <a:prstClr val="white"/>
                  </a:solidFill>
                  <a:effectLst/>
                  <a:uLnTx/>
                  <a:uFillTx/>
                  <a:latin typeface="Roboto" panose="02000000000000000000" pitchFamily="2" charset="0"/>
                  <a:ea typeface="Roboto" panose="02000000000000000000" pitchFamily="2" charset="0"/>
                  <a:cs typeface="Roboto" panose="02000000000000000000" pitchFamily="2" charset="0"/>
                </a:rPr>
                <a:t>Insurance</a:t>
              </a:r>
            </a:p>
          </p:txBody>
        </p:sp>
        <p:sp>
          <p:nvSpPr>
            <p:cNvPr id="225" name="Rectangle 224">
              <a:extLst>
                <a:ext uri="{FF2B5EF4-FFF2-40B4-BE49-F238E27FC236}">
                  <a16:creationId xmlns:a16="http://schemas.microsoft.com/office/drawing/2014/main" id="{73FD61D7-B910-08F5-DEE9-EF5EE28039AB}"/>
                </a:ext>
              </a:extLst>
            </p:cNvPr>
            <p:cNvSpPr/>
            <p:nvPr/>
          </p:nvSpPr>
          <p:spPr>
            <a:xfrm rot="16200000">
              <a:off x="6791625" y="-2215337"/>
              <a:ext cx="459727" cy="9509568"/>
            </a:xfrm>
            <a:prstGeom prst="rect">
              <a:avLst/>
            </a:prstGeom>
            <a:solidFill>
              <a:schemeClr val="bg1"/>
            </a:solidFill>
            <a:ln w="3175">
              <a:solidFill>
                <a:schemeClr val="bg1">
                  <a:lumMod val="65000"/>
                </a:schemeClr>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100" b="0" i="0" u="none" strike="noStrike" kern="1200" cap="none" spc="0" normalizeH="0" baseline="0" noProof="0">
                <a:ln>
                  <a:noFill/>
                </a:ln>
                <a:solidFill>
                  <a:prstClr val="white"/>
                </a:solidFill>
                <a:effectLst/>
                <a:uLnTx/>
                <a:uFillTx/>
                <a:latin typeface="Roboto" panose="02000000000000000000" pitchFamily="2" charset="0"/>
                <a:ea typeface="Roboto" panose="02000000000000000000" pitchFamily="2" charset="0"/>
                <a:cs typeface="Roboto" panose="02000000000000000000" pitchFamily="2" charset="0"/>
              </a:endParaRPr>
            </a:p>
          </p:txBody>
        </p:sp>
        <p:pic>
          <p:nvPicPr>
            <p:cNvPr id="226" name="Picture 2" descr="Cambia Health Solutions">
              <a:extLst>
                <a:ext uri="{FF2B5EF4-FFF2-40B4-BE49-F238E27FC236}">
                  <a16:creationId xmlns:a16="http://schemas.microsoft.com/office/drawing/2014/main" id="{952181AA-0146-A45D-036B-2DC808AA56B0}"/>
                </a:ext>
              </a:extLst>
            </p:cNvPr>
            <p:cNvPicPr>
              <a:picLocks noChangeAspect="1" noChangeArrowheads="1"/>
            </p:cNvPicPr>
            <p:nvPr/>
          </p:nvPicPr>
          <p:blipFill>
            <a:blip r:embed="rId30" cstate="screen">
              <a:extLst>
                <a:ext uri="{28A0092B-C50C-407E-A947-70E740481C1C}">
                  <a14:useLocalDpi xmlns:a14="http://schemas.microsoft.com/office/drawing/2010/main"/>
                </a:ext>
              </a:extLst>
            </a:blip>
            <a:srcRect/>
            <a:stretch>
              <a:fillRect/>
            </a:stretch>
          </p:blipFill>
          <p:spPr bwMode="auto">
            <a:xfrm>
              <a:off x="4157511" y="2425162"/>
              <a:ext cx="787967" cy="215882"/>
            </a:xfrm>
            <a:prstGeom prst="rect">
              <a:avLst/>
            </a:prstGeom>
            <a:noFill/>
          </p:spPr>
        </p:pic>
        <p:pic>
          <p:nvPicPr>
            <p:cNvPr id="227" name="Picture 226">
              <a:extLst>
                <a:ext uri="{FF2B5EF4-FFF2-40B4-BE49-F238E27FC236}">
                  <a16:creationId xmlns:a16="http://schemas.microsoft.com/office/drawing/2014/main" id="{AA0DC86C-26CE-7A14-B56B-18EEC1E8705D}"/>
                </a:ext>
              </a:extLst>
            </p:cNvPr>
            <p:cNvPicPr>
              <a:picLocks noChangeAspect="1" noChangeArrowheads="1"/>
            </p:cNvPicPr>
            <p:nvPr/>
          </p:nvPicPr>
          <p:blipFill>
            <a:blip r:embed="rId31" cstate="screen"/>
            <a:srcRect/>
            <a:stretch>
              <a:fillRect/>
            </a:stretch>
          </p:blipFill>
          <p:spPr bwMode="auto">
            <a:xfrm>
              <a:off x="2408317" y="2365889"/>
              <a:ext cx="1554480" cy="334429"/>
            </a:xfrm>
            <a:prstGeom prst="rect">
              <a:avLst/>
            </a:prstGeom>
            <a:noFill/>
            <a:ln w="9525">
              <a:noFill/>
              <a:miter lim="800000"/>
              <a:headEnd/>
              <a:tailEnd/>
            </a:ln>
          </p:spPr>
        </p:pic>
        <p:pic>
          <p:nvPicPr>
            <p:cNvPr id="228" name="Picture 227" descr="285ff5f.png">
              <a:extLst>
                <a:ext uri="{FF2B5EF4-FFF2-40B4-BE49-F238E27FC236}">
                  <a16:creationId xmlns:a16="http://schemas.microsoft.com/office/drawing/2014/main" id="{4782182C-09E2-317F-B9D7-531643229F7F}"/>
                </a:ext>
              </a:extLst>
            </p:cNvPr>
            <p:cNvPicPr>
              <a:picLocks noChangeAspect="1"/>
            </p:cNvPicPr>
            <p:nvPr/>
          </p:nvPicPr>
          <p:blipFill>
            <a:blip r:embed="rId32" cstate="screen"/>
            <a:stretch>
              <a:fillRect/>
            </a:stretch>
          </p:blipFill>
          <p:spPr>
            <a:xfrm>
              <a:off x="9547544" y="2447854"/>
              <a:ext cx="857256" cy="231459"/>
            </a:xfrm>
            <a:prstGeom prst="rect">
              <a:avLst/>
            </a:prstGeom>
          </p:spPr>
        </p:pic>
        <p:pic>
          <p:nvPicPr>
            <p:cNvPr id="229" name="Picture 228" descr="Untitled-1.jpg">
              <a:extLst>
                <a:ext uri="{FF2B5EF4-FFF2-40B4-BE49-F238E27FC236}">
                  <a16:creationId xmlns:a16="http://schemas.microsoft.com/office/drawing/2014/main" id="{F0F2A5E2-F9D4-86E0-89D2-C56F149A0372}"/>
                </a:ext>
              </a:extLst>
            </p:cNvPr>
            <p:cNvPicPr>
              <a:picLocks noChangeAspect="1"/>
            </p:cNvPicPr>
            <p:nvPr/>
          </p:nvPicPr>
          <p:blipFill>
            <a:blip r:embed="rId33" cstate="screen">
              <a:extLst>
                <a:ext uri="{28A0092B-C50C-407E-A947-70E740481C1C}">
                  <a14:useLocalDpi xmlns:a14="http://schemas.microsoft.com/office/drawing/2010/main"/>
                </a:ext>
              </a:extLst>
            </a:blip>
            <a:stretch>
              <a:fillRect/>
            </a:stretch>
          </p:blipFill>
          <p:spPr>
            <a:xfrm>
              <a:off x="8668163" y="2363546"/>
              <a:ext cx="581891" cy="339115"/>
            </a:xfrm>
            <a:prstGeom prst="rect">
              <a:avLst/>
            </a:prstGeom>
          </p:spPr>
        </p:pic>
        <p:pic>
          <p:nvPicPr>
            <p:cNvPr id="230" name="Picture 229" descr="Untitled-2.jpg">
              <a:extLst>
                <a:ext uri="{FF2B5EF4-FFF2-40B4-BE49-F238E27FC236}">
                  <a16:creationId xmlns:a16="http://schemas.microsoft.com/office/drawing/2014/main" id="{7B8C2E21-4556-0EFF-7E85-FD01E449F333}"/>
                </a:ext>
              </a:extLst>
            </p:cNvPr>
            <p:cNvPicPr>
              <a:picLocks noChangeAspect="1"/>
            </p:cNvPicPr>
            <p:nvPr/>
          </p:nvPicPr>
          <p:blipFill>
            <a:blip r:embed="rId34" cstate="screen"/>
            <a:stretch>
              <a:fillRect/>
            </a:stretch>
          </p:blipFill>
          <p:spPr>
            <a:xfrm>
              <a:off x="10682334" y="2419852"/>
              <a:ext cx="960127" cy="287463"/>
            </a:xfrm>
            <a:prstGeom prst="rect">
              <a:avLst/>
            </a:prstGeom>
          </p:spPr>
        </p:pic>
        <p:pic>
          <p:nvPicPr>
            <p:cNvPr id="231" name="Picture 230" descr="RGAlogo.png">
              <a:extLst>
                <a:ext uri="{FF2B5EF4-FFF2-40B4-BE49-F238E27FC236}">
                  <a16:creationId xmlns:a16="http://schemas.microsoft.com/office/drawing/2014/main" id="{523947A3-804E-D3FE-0E6C-EEB84133DD7B}"/>
                </a:ext>
              </a:extLst>
            </p:cNvPr>
            <p:cNvPicPr>
              <a:picLocks noChangeAspect="1"/>
            </p:cNvPicPr>
            <p:nvPr/>
          </p:nvPicPr>
          <p:blipFill>
            <a:blip r:embed="rId35" cstate="screen"/>
            <a:stretch>
              <a:fillRect/>
            </a:stretch>
          </p:blipFill>
          <p:spPr>
            <a:xfrm>
              <a:off x="7658662" y="2424204"/>
              <a:ext cx="642942" cy="258438"/>
            </a:xfrm>
            <a:prstGeom prst="rect">
              <a:avLst/>
            </a:prstGeom>
          </p:spPr>
        </p:pic>
        <p:pic>
          <p:nvPicPr>
            <p:cNvPr id="232" name="Picture 231" descr="logo.jpg">
              <a:extLst>
                <a:ext uri="{FF2B5EF4-FFF2-40B4-BE49-F238E27FC236}">
                  <a16:creationId xmlns:a16="http://schemas.microsoft.com/office/drawing/2014/main" id="{B03E8490-16CE-6527-8F67-40780BBD7A95}"/>
                </a:ext>
              </a:extLst>
            </p:cNvPr>
            <p:cNvPicPr>
              <a:picLocks noChangeAspect="1"/>
            </p:cNvPicPr>
            <p:nvPr/>
          </p:nvPicPr>
          <p:blipFill>
            <a:blip r:embed="rId36" cstate="screen">
              <a:extLst>
                <a:ext uri="{28A0092B-C50C-407E-A947-70E740481C1C}">
                  <a14:useLocalDpi xmlns:a14="http://schemas.microsoft.com/office/drawing/2010/main"/>
                </a:ext>
              </a:extLst>
            </a:blip>
            <a:stretch>
              <a:fillRect/>
            </a:stretch>
          </p:blipFill>
          <p:spPr>
            <a:xfrm>
              <a:off x="5252349" y="2345605"/>
              <a:ext cx="1041722" cy="415636"/>
            </a:xfrm>
            <a:prstGeom prst="rect">
              <a:avLst/>
            </a:prstGeom>
          </p:spPr>
        </p:pic>
        <p:pic>
          <p:nvPicPr>
            <p:cNvPr id="233" name="Picture 3">
              <a:extLst>
                <a:ext uri="{FF2B5EF4-FFF2-40B4-BE49-F238E27FC236}">
                  <a16:creationId xmlns:a16="http://schemas.microsoft.com/office/drawing/2014/main" id="{C670F975-597D-3B5F-16E5-07624A3E6CDC}"/>
                </a:ext>
              </a:extLst>
            </p:cNvPr>
            <p:cNvPicPr>
              <a:picLocks noChangeAspect="1" noChangeArrowheads="1"/>
            </p:cNvPicPr>
            <p:nvPr/>
          </p:nvPicPr>
          <p:blipFill>
            <a:blip r:embed="rId37" cstate="screen">
              <a:extLst>
                <a:ext uri="{28A0092B-C50C-407E-A947-70E740481C1C}">
                  <a14:useLocalDpi xmlns:a14="http://schemas.microsoft.com/office/drawing/2010/main"/>
                </a:ext>
              </a:extLst>
            </a:blip>
            <a:srcRect/>
            <a:stretch>
              <a:fillRect/>
            </a:stretch>
          </p:blipFill>
          <p:spPr bwMode="auto">
            <a:xfrm>
              <a:off x="6661334" y="2397829"/>
              <a:ext cx="519549" cy="270549"/>
            </a:xfrm>
            <a:prstGeom prst="rect">
              <a:avLst/>
            </a:prstGeom>
            <a:noFill/>
            <a:ln w="9525">
              <a:noFill/>
              <a:miter lim="800000"/>
              <a:headEnd/>
              <a:tailEnd/>
            </a:ln>
            <a:effectLst/>
          </p:spPr>
        </p:pic>
      </p:grpSp>
      <p:grpSp>
        <p:nvGrpSpPr>
          <p:cNvPr id="234" name="Group 233">
            <a:extLst>
              <a:ext uri="{FF2B5EF4-FFF2-40B4-BE49-F238E27FC236}">
                <a16:creationId xmlns:a16="http://schemas.microsoft.com/office/drawing/2014/main" id="{C29D3E72-14C6-5E19-B19C-7A2CFEC3862C}"/>
              </a:ext>
            </a:extLst>
          </p:cNvPr>
          <p:cNvGrpSpPr/>
          <p:nvPr/>
        </p:nvGrpSpPr>
        <p:grpSpPr>
          <a:xfrm>
            <a:off x="675279" y="2984022"/>
            <a:ext cx="11100270" cy="459728"/>
            <a:chOff x="675279" y="2950299"/>
            <a:chExt cx="11100270" cy="459728"/>
          </a:xfrm>
        </p:grpSpPr>
        <p:sp>
          <p:nvSpPr>
            <p:cNvPr id="235" name="Rectangle 234">
              <a:extLst>
                <a:ext uri="{FF2B5EF4-FFF2-40B4-BE49-F238E27FC236}">
                  <a16:creationId xmlns:a16="http://schemas.microsoft.com/office/drawing/2014/main" id="{718C4182-9945-9B5A-427E-25AB519497D1}"/>
                </a:ext>
              </a:extLst>
            </p:cNvPr>
            <p:cNvSpPr/>
            <p:nvPr/>
          </p:nvSpPr>
          <p:spPr>
            <a:xfrm>
              <a:off x="675279" y="2950299"/>
              <a:ext cx="1590701" cy="459727"/>
            </a:xfrm>
            <a:prstGeom prst="rect">
              <a:avLst/>
            </a:prstGeom>
            <a:solidFill>
              <a:srgbClr val="045694"/>
            </a:solidFill>
            <a:ln w="3175">
              <a:solidFill>
                <a:srgbClr val="01597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100" i="0" u="none" strike="noStrike" kern="1200" cap="none" spc="0" normalizeH="0" baseline="0" noProof="0">
                  <a:ln>
                    <a:noFill/>
                  </a:ln>
                  <a:solidFill>
                    <a:prstClr val="white"/>
                  </a:solidFill>
                  <a:effectLst/>
                  <a:uLnTx/>
                  <a:uFillTx/>
                  <a:latin typeface="Roboto" panose="02000000000000000000" pitchFamily="2" charset="0"/>
                  <a:ea typeface="Roboto" panose="02000000000000000000" pitchFamily="2" charset="0"/>
                  <a:cs typeface="Roboto" panose="02000000000000000000" pitchFamily="2" charset="0"/>
                </a:rPr>
                <a:t>BFSI</a:t>
              </a:r>
            </a:p>
          </p:txBody>
        </p:sp>
        <p:sp>
          <p:nvSpPr>
            <p:cNvPr id="236" name="Rectangle 235">
              <a:extLst>
                <a:ext uri="{FF2B5EF4-FFF2-40B4-BE49-F238E27FC236}">
                  <a16:creationId xmlns:a16="http://schemas.microsoft.com/office/drawing/2014/main" id="{43A72476-C15A-4FFA-DCF2-5BC74E59D285}"/>
                </a:ext>
              </a:extLst>
            </p:cNvPr>
            <p:cNvSpPr/>
            <p:nvPr/>
          </p:nvSpPr>
          <p:spPr>
            <a:xfrm rot="16200000">
              <a:off x="6790901" y="-1574620"/>
              <a:ext cx="459727" cy="9509568"/>
            </a:xfrm>
            <a:prstGeom prst="rect">
              <a:avLst/>
            </a:prstGeom>
            <a:solidFill>
              <a:schemeClr val="bg1"/>
            </a:solidFill>
            <a:ln w="3175">
              <a:solidFill>
                <a:schemeClr val="bg1">
                  <a:lumMod val="65000"/>
                </a:schemeClr>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100" b="0" i="0" u="none" strike="noStrike" kern="1200" cap="none" spc="0" normalizeH="0" baseline="0" noProof="0">
                <a:ln>
                  <a:noFill/>
                </a:ln>
                <a:solidFill>
                  <a:prstClr val="white"/>
                </a:solidFill>
                <a:effectLst/>
                <a:uLnTx/>
                <a:uFillTx/>
                <a:latin typeface="Roboto" panose="02000000000000000000" pitchFamily="2" charset="0"/>
                <a:ea typeface="Roboto" panose="02000000000000000000" pitchFamily="2" charset="0"/>
                <a:cs typeface="Roboto" panose="02000000000000000000" pitchFamily="2" charset="0"/>
              </a:endParaRPr>
            </a:p>
          </p:txBody>
        </p:sp>
        <p:pic>
          <p:nvPicPr>
            <p:cNvPr id="237" name="Picture 20" descr="https://upload.wikimedia.org/wikipedia/en/thumb/9/9c/Fidelity_Investments_Logo.svg/1024px-Fidelity_Investments_Logo.svg.png">
              <a:extLst>
                <a:ext uri="{FF2B5EF4-FFF2-40B4-BE49-F238E27FC236}">
                  <a16:creationId xmlns:a16="http://schemas.microsoft.com/office/drawing/2014/main" id="{E72E4F12-CF40-CAC5-0695-F50FC596E48B}"/>
                </a:ext>
              </a:extLst>
            </p:cNvPr>
            <p:cNvPicPr>
              <a:picLocks noChangeAspect="1" noChangeArrowheads="1"/>
            </p:cNvPicPr>
            <p:nvPr/>
          </p:nvPicPr>
          <p:blipFill>
            <a:blip r:embed="rId38" cstate="screen">
              <a:extLst>
                <a:ext uri="{28A0092B-C50C-407E-A947-70E740481C1C}">
                  <a14:useLocalDpi xmlns:a14="http://schemas.microsoft.com/office/drawing/2010/main"/>
                </a:ext>
              </a:extLst>
            </a:blip>
            <a:stretch>
              <a:fillRect/>
            </a:stretch>
          </p:blipFill>
          <p:spPr bwMode="auto">
            <a:xfrm>
              <a:off x="7653405" y="3044758"/>
              <a:ext cx="1105305" cy="246202"/>
            </a:xfrm>
            <a:prstGeom prst="rect">
              <a:avLst/>
            </a:prstGeom>
          </p:spPr>
        </p:pic>
        <p:pic>
          <p:nvPicPr>
            <p:cNvPr id="238" name="Picture 237" descr="Logo&#10;&#10;Description automatically generated">
              <a:extLst>
                <a:ext uri="{FF2B5EF4-FFF2-40B4-BE49-F238E27FC236}">
                  <a16:creationId xmlns:a16="http://schemas.microsoft.com/office/drawing/2014/main" id="{CE854446-60B6-EC0C-56F1-89EFAEF6EC3E}"/>
                </a:ext>
              </a:extLst>
            </p:cNvPr>
            <p:cNvPicPr>
              <a:picLocks noChangeAspect="1"/>
            </p:cNvPicPr>
            <p:nvPr/>
          </p:nvPicPr>
          <p:blipFill>
            <a:blip r:embed="rId39" cstate="screen">
              <a:extLst>
                <a:ext uri="{28A0092B-C50C-407E-A947-70E740481C1C}">
                  <a14:useLocalDpi xmlns:a14="http://schemas.microsoft.com/office/drawing/2010/main"/>
                </a:ext>
              </a:extLst>
            </a:blip>
            <a:stretch>
              <a:fillRect/>
            </a:stretch>
          </p:blipFill>
          <p:spPr>
            <a:xfrm>
              <a:off x="2529020" y="2989820"/>
              <a:ext cx="1055695" cy="314967"/>
            </a:xfrm>
            <a:prstGeom prst="rect">
              <a:avLst/>
            </a:prstGeom>
          </p:spPr>
        </p:pic>
        <p:grpSp>
          <p:nvGrpSpPr>
            <p:cNvPr id="239" name="Graphic 43">
              <a:extLst>
                <a:ext uri="{FF2B5EF4-FFF2-40B4-BE49-F238E27FC236}">
                  <a16:creationId xmlns:a16="http://schemas.microsoft.com/office/drawing/2014/main" id="{9A244735-62F6-4BCB-A85C-10A99F985A48}"/>
                </a:ext>
              </a:extLst>
            </p:cNvPr>
            <p:cNvGrpSpPr/>
            <p:nvPr/>
          </p:nvGrpSpPr>
          <p:grpSpPr>
            <a:xfrm>
              <a:off x="3980340" y="3027304"/>
              <a:ext cx="1357767" cy="303162"/>
              <a:chOff x="3920543" y="2929152"/>
              <a:chExt cx="1493544" cy="333478"/>
            </a:xfrm>
          </p:grpSpPr>
          <p:grpSp>
            <p:nvGrpSpPr>
              <p:cNvPr id="261" name="Graphic 43">
                <a:extLst>
                  <a:ext uri="{FF2B5EF4-FFF2-40B4-BE49-F238E27FC236}">
                    <a16:creationId xmlns:a16="http://schemas.microsoft.com/office/drawing/2014/main" id="{03C32C00-6B8D-2A39-82EE-4F84E330F3B1}"/>
                  </a:ext>
                </a:extLst>
              </p:cNvPr>
              <p:cNvGrpSpPr/>
              <p:nvPr/>
            </p:nvGrpSpPr>
            <p:grpSpPr>
              <a:xfrm>
                <a:off x="4255457" y="2984894"/>
                <a:ext cx="1158630" cy="192147"/>
                <a:chOff x="4255457" y="2984894"/>
                <a:chExt cx="1158630" cy="192147"/>
              </a:xfrm>
              <a:solidFill>
                <a:srgbClr val="000000"/>
              </a:solidFill>
            </p:grpSpPr>
            <p:sp>
              <p:nvSpPr>
                <p:cNvPr id="268" name="Freeform: Shape 267">
                  <a:extLst>
                    <a:ext uri="{FF2B5EF4-FFF2-40B4-BE49-F238E27FC236}">
                      <a16:creationId xmlns:a16="http://schemas.microsoft.com/office/drawing/2014/main" id="{D9F41D29-5CFD-3F72-4569-8AACF4A0E89B}"/>
                    </a:ext>
                  </a:extLst>
                </p:cNvPr>
                <p:cNvSpPr/>
                <p:nvPr/>
              </p:nvSpPr>
              <p:spPr>
                <a:xfrm>
                  <a:off x="4366833" y="3014736"/>
                  <a:ext cx="101307" cy="159734"/>
                </a:xfrm>
                <a:custGeom>
                  <a:avLst/>
                  <a:gdLst>
                    <a:gd name="connsiteX0" fmla="*/ 20317 w 101307"/>
                    <a:gd name="connsiteY0" fmla="*/ 0 h 159734"/>
                    <a:gd name="connsiteX1" fmla="*/ 0 w 101307"/>
                    <a:gd name="connsiteY1" fmla="*/ 0 h 159734"/>
                    <a:gd name="connsiteX2" fmla="*/ 0 w 101307"/>
                    <a:gd name="connsiteY2" fmla="*/ 159734 h 159734"/>
                    <a:gd name="connsiteX3" fmla="*/ 101308 w 101307"/>
                    <a:gd name="connsiteY3" fmla="*/ 159734 h 159734"/>
                    <a:gd name="connsiteX4" fmla="*/ 101308 w 101307"/>
                    <a:gd name="connsiteY4" fmla="*/ 139865 h 159734"/>
                    <a:gd name="connsiteX5" fmla="*/ 20317 w 101307"/>
                    <a:gd name="connsiteY5" fmla="*/ 139865 h 15973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01307" h="159734">
                      <a:moveTo>
                        <a:pt x="20317" y="0"/>
                      </a:moveTo>
                      <a:lnTo>
                        <a:pt x="0" y="0"/>
                      </a:lnTo>
                      <a:lnTo>
                        <a:pt x="0" y="159734"/>
                      </a:lnTo>
                      <a:lnTo>
                        <a:pt x="101308" y="159734"/>
                      </a:lnTo>
                      <a:lnTo>
                        <a:pt x="101308" y="139865"/>
                      </a:lnTo>
                      <a:lnTo>
                        <a:pt x="20317" y="139865"/>
                      </a:lnTo>
                      <a:close/>
                    </a:path>
                  </a:pathLst>
                </a:custGeom>
                <a:solidFill>
                  <a:srgbClr val="000000"/>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269" name="Freeform: Shape 268">
                  <a:extLst>
                    <a:ext uri="{FF2B5EF4-FFF2-40B4-BE49-F238E27FC236}">
                      <a16:creationId xmlns:a16="http://schemas.microsoft.com/office/drawing/2014/main" id="{5B1B1110-EB3C-7CDF-A756-D74B2E3C0F09}"/>
                    </a:ext>
                  </a:extLst>
                </p:cNvPr>
                <p:cNvSpPr/>
                <p:nvPr/>
              </p:nvSpPr>
              <p:spPr>
                <a:xfrm>
                  <a:off x="5138215" y="3060275"/>
                  <a:ext cx="104813" cy="116766"/>
                </a:xfrm>
                <a:custGeom>
                  <a:avLst/>
                  <a:gdLst>
                    <a:gd name="connsiteX0" fmla="*/ 104813 w 104813"/>
                    <a:gd name="connsiteY0" fmla="*/ 11773 h 116766"/>
                    <a:gd name="connsiteX1" fmla="*/ 91269 w 104813"/>
                    <a:gd name="connsiteY1" fmla="*/ 0 h 116766"/>
                    <a:gd name="connsiteX2" fmla="*/ 52407 w 104813"/>
                    <a:gd name="connsiteY2" fmla="*/ 44710 h 116766"/>
                    <a:gd name="connsiteX3" fmla="*/ 13878 w 104813"/>
                    <a:gd name="connsiteY3" fmla="*/ 381 h 116766"/>
                    <a:gd name="connsiteX4" fmla="*/ 13535 w 104813"/>
                    <a:gd name="connsiteY4" fmla="*/ 0 h 116766"/>
                    <a:gd name="connsiteX5" fmla="*/ 0 w 104813"/>
                    <a:gd name="connsiteY5" fmla="*/ 11773 h 116766"/>
                    <a:gd name="connsiteX6" fmla="*/ 40519 w 104813"/>
                    <a:gd name="connsiteY6" fmla="*/ 58388 h 116766"/>
                    <a:gd name="connsiteX7" fmla="*/ 333 w 104813"/>
                    <a:gd name="connsiteY7" fmla="*/ 104604 h 116766"/>
                    <a:gd name="connsiteX8" fmla="*/ 0 w 104813"/>
                    <a:gd name="connsiteY8" fmla="*/ 104994 h 116766"/>
                    <a:gd name="connsiteX9" fmla="*/ 13535 w 104813"/>
                    <a:gd name="connsiteY9" fmla="*/ 116767 h 116766"/>
                    <a:gd name="connsiteX10" fmla="*/ 52407 w 104813"/>
                    <a:gd name="connsiteY10" fmla="*/ 72057 h 116766"/>
                    <a:gd name="connsiteX11" fmla="*/ 90935 w 104813"/>
                    <a:gd name="connsiteY11" fmla="*/ 116376 h 116766"/>
                    <a:gd name="connsiteX12" fmla="*/ 91269 w 104813"/>
                    <a:gd name="connsiteY12" fmla="*/ 116767 h 116766"/>
                    <a:gd name="connsiteX13" fmla="*/ 104813 w 104813"/>
                    <a:gd name="connsiteY13" fmla="*/ 104994 h 116766"/>
                    <a:gd name="connsiteX14" fmla="*/ 64294 w 104813"/>
                    <a:gd name="connsiteY14" fmla="*/ 58388 h 116766"/>
                    <a:gd name="connsiteX15" fmla="*/ 104480 w 104813"/>
                    <a:gd name="connsiteY15" fmla="*/ 12163 h 11676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Lst>
                  <a:rect l="l" t="t" r="r" b="b"/>
                  <a:pathLst>
                    <a:path w="104813" h="116766">
                      <a:moveTo>
                        <a:pt x="104813" y="11773"/>
                      </a:moveTo>
                      <a:lnTo>
                        <a:pt x="91269" y="0"/>
                      </a:lnTo>
                      <a:lnTo>
                        <a:pt x="52407" y="44710"/>
                      </a:lnTo>
                      <a:lnTo>
                        <a:pt x="13878" y="381"/>
                      </a:lnTo>
                      <a:lnTo>
                        <a:pt x="13535" y="0"/>
                      </a:lnTo>
                      <a:lnTo>
                        <a:pt x="0" y="11773"/>
                      </a:lnTo>
                      <a:lnTo>
                        <a:pt x="40519" y="58388"/>
                      </a:lnTo>
                      <a:lnTo>
                        <a:pt x="333" y="104604"/>
                      </a:lnTo>
                      <a:lnTo>
                        <a:pt x="0" y="104994"/>
                      </a:lnTo>
                      <a:lnTo>
                        <a:pt x="13535" y="116767"/>
                      </a:lnTo>
                      <a:lnTo>
                        <a:pt x="52407" y="72057"/>
                      </a:lnTo>
                      <a:lnTo>
                        <a:pt x="90935" y="116376"/>
                      </a:lnTo>
                      <a:lnTo>
                        <a:pt x="91269" y="116767"/>
                      </a:lnTo>
                      <a:lnTo>
                        <a:pt x="104813" y="104994"/>
                      </a:lnTo>
                      <a:lnTo>
                        <a:pt x="64294" y="58388"/>
                      </a:lnTo>
                      <a:lnTo>
                        <a:pt x="104480" y="12163"/>
                      </a:lnTo>
                      <a:close/>
                    </a:path>
                  </a:pathLst>
                </a:custGeom>
                <a:solidFill>
                  <a:srgbClr val="000000"/>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270" name="Freeform: Shape 269">
                  <a:extLst>
                    <a:ext uri="{FF2B5EF4-FFF2-40B4-BE49-F238E27FC236}">
                      <a16:creationId xmlns:a16="http://schemas.microsoft.com/office/drawing/2014/main" id="{CF93C2F8-6544-F30A-3D64-55C6F5B5888A}"/>
                    </a:ext>
                  </a:extLst>
                </p:cNvPr>
                <p:cNvSpPr/>
                <p:nvPr/>
              </p:nvSpPr>
              <p:spPr>
                <a:xfrm>
                  <a:off x="4864552" y="3014736"/>
                  <a:ext cx="133273" cy="159734"/>
                </a:xfrm>
                <a:custGeom>
                  <a:avLst/>
                  <a:gdLst>
                    <a:gd name="connsiteX0" fmla="*/ 112967 w 133273"/>
                    <a:gd name="connsiteY0" fmla="*/ 114824 h 159734"/>
                    <a:gd name="connsiteX1" fmla="*/ 4020 w 133273"/>
                    <a:gd name="connsiteY1" fmla="*/ 0 h 159734"/>
                    <a:gd name="connsiteX2" fmla="*/ 0 w 133273"/>
                    <a:gd name="connsiteY2" fmla="*/ 0 h 159734"/>
                    <a:gd name="connsiteX3" fmla="*/ 0 w 133273"/>
                    <a:gd name="connsiteY3" fmla="*/ 159734 h 159734"/>
                    <a:gd name="connsiteX4" fmla="*/ 20317 w 133273"/>
                    <a:gd name="connsiteY4" fmla="*/ 159734 h 159734"/>
                    <a:gd name="connsiteX5" fmla="*/ 20317 w 133273"/>
                    <a:gd name="connsiteY5" fmla="*/ 44910 h 159734"/>
                    <a:gd name="connsiteX6" fmla="*/ 129264 w 133273"/>
                    <a:gd name="connsiteY6" fmla="*/ 159734 h 159734"/>
                    <a:gd name="connsiteX7" fmla="*/ 133274 w 133273"/>
                    <a:gd name="connsiteY7" fmla="*/ 159734 h 159734"/>
                    <a:gd name="connsiteX8" fmla="*/ 133274 w 133273"/>
                    <a:gd name="connsiteY8" fmla="*/ 0 h 159734"/>
                    <a:gd name="connsiteX9" fmla="*/ 112967 w 133273"/>
                    <a:gd name="connsiteY9" fmla="*/ 0 h 15973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33273" h="159734">
                      <a:moveTo>
                        <a:pt x="112967" y="114824"/>
                      </a:moveTo>
                      <a:lnTo>
                        <a:pt x="4020" y="0"/>
                      </a:lnTo>
                      <a:lnTo>
                        <a:pt x="0" y="0"/>
                      </a:lnTo>
                      <a:lnTo>
                        <a:pt x="0" y="159734"/>
                      </a:lnTo>
                      <a:lnTo>
                        <a:pt x="20317" y="159734"/>
                      </a:lnTo>
                      <a:lnTo>
                        <a:pt x="20317" y="44910"/>
                      </a:lnTo>
                      <a:lnTo>
                        <a:pt x="129264" y="159734"/>
                      </a:lnTo>
                      <a:lnTo>
                        <a:pt x="133274" y="159734"/>
                      </a:lnTo>
                      <a:lnTo>
                        <a:pt x="133274" y="0"/>
                      </a:lnTo>
                      <a:lnTo>
                        <a:pt x="112967" y="0"/>
                      </a:lnTo>
                      <a:close/>
                    </a:path>
                  </a:pathLst>
                </a:custGeom>
                <a:solidFill>
                  <a:srgbClr val="000000"/>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271" name="Freeform: Shape 270">
                  <a:extLst>
                    <a:ext uri="{FF2B5EF4-FFF2-40B4-BE49-F238E27FC236}">
                      <a16:creationId xmlns:a16="http://schemas.microsoft.com/office/drawing/2014/main" id="{BF8B6CAC-291C-7055-EBF2-D96AB8516DEC}"/>
                    </a:ext>
                  </a:extLst>
                </p:cNvPr>
                <p:cNvSpPr/>
                <p:nvPr/>
              </p:nvSpPr>
              <p:spPr>
                <a:xfrm>
                  <a:off x="5263364" y="3062846"/>
                  <a:ext cx="19202" cy="111623"/>
                </a:xfrm>
                <a:custGeom>
                  <a:avLst/>
                  <a:gdLst>
                    <a:gd name="connsiteX0" fmla="*/ 0 w 19202"/>
                    <a:gd name="connsiteY0" fmla="*/ 0 h 111623"/>
                    <a:gd name="connsiteX1" fmla="*/ 19202 w 19202"/>
                    <a:gd name="connsiteY1" fmla="*/ 0 h 111623"/>
                    <a:gd name="connsiteX2" fmla="*/ 19202 w 19202"/>
                    <a:gd name="connsiteY2" fmla="*/ 111623 h 111623"/>
                    <a:gd name="connsiteX3" fmla="*/ 0 w 19202"/>
                    <a:gd name="connsiteY3" fmla="*/ 111623 h 111623"/>
                  </a:gdLst>
                  <a:ahLst/>
                  <a:cxnLst>
                    <a:cxn ang="0">
                      <a:pos x="connsiteX0" y="connsiteY0"/>
                    </a:cxn>
                    <a:cxn ang="0">
                      <a:pos x="connsiteX1" y="connsiteY1"/>
                    </a:cxn>
                    <a:cxn ang="0">
                      <a:pos x="connsiteX2" y="connsiteY2"/>
                    </a:cxn>
                    <a:cxn ang="0">
                      <a:pos x="connsiteX3" y="connsiteY3"/>
                    </a:cxn>
                  </a:cxnLst>
                  <a:rect l="l" t="t" r="r" b="b"/>
                  <a:pathLst>
                    <a:path w="19202" h="111623">
                      <a:moveTo>
                        <a:pt x="0" y="0"/>
                      </a:moveTo>
                      <a:lnTo>
                        <a:pt x="19202" y="0"/>
                      </a:lnTo>
                      <a:lnTo>
                        <a:pt x="19202" y="111623"/>
                      </a:lnTo>
                      <a:lnTo>
                        <a:pt x="0" y="111623"/>
                      </a:lnTo>
                      <a:close/>
                    </a:path>
                  </a:pathLst>
                </a:custGeom>
                <a:solidFill>
                  <a:srgbClr val="000000"/>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272" name="Freeform: Shape 271">
                  <a:extLst>
                    <a:ext uri="{FF2B5EF4-FFF2-40B4-BE49-F238E27FC236}">
                      <a16:creationId xmlns:a16="http://schemas.microsoft.com/office/drawing/2014/main" id="{BE35993B-6721-DF2B-A9CF-875309593835}"/>
                    </a:ext>
                  </a:extLst>
                </p:cNvPr>
                <p:cNvSpPr/>
                <p:nvPr/>
              </p:nvSpPr>
              <p:spPr>
                <a:xfrm>
                  <a:off x="5262459" y="3014736"/>
                  <a:ext cx="21002" cy="17973"/>
                </a:xfrm>
                <a:custGeom>
                  <a:avLst/>
                  <a:gdLst>
                    <a:gd name="connsiteX0" fmla="*/ 0 w 21002"/>
                    <a:gd name="connsiteY0" fmla="*/ 0 h 17973"/>
                    <a:gd name="connsiteX1" fmla="*/ 21003 w 21002"/>
                    <a:gd name="connsiteY1" fmla="*/ 0 h 17973"/>
                    <a:gd name="connsiteX2" fmla="*/ 21003 w 21002"/>
                    <a:gd name="connsiteY2" fmla="*/ 17974 h 17973"/>
                    <a:gd name="connsiteX3" fmla="*/ 0 w 21002"/>
                    <a:gd name="connsiteY3" fmla="*/ 17974 h 17973"/>
                  </a:gdLst>
                  <a:ahLst/>
                  <a:cxnLst>
                    <a:cxn ang="0">
                      <a:pos x="connsiteX0" y="connsiteY0"/>
                    </a:cxn>
                    <a:cxn ang="0">
                      <a:pos x="connsiteX1" y="connsiteY1"/>
                    </a:cxn>
                    <a:cxn ang="0">
                      <a:pos x="connsiteX2" y="connsiteY2"/>
                    </a:cxn>
                    <a:cxn ang="0">
                      <a:pos x="connsiteX3" y="connsiteY3"/>
                    </a:cxn>
                  </a:cxnLst>
                  <a:rect l="l" t="t" r="r" b="b"/>
                  <a:pathLst>
                    <a:path w="21002" h="17973">
                      <a:moveTo>
                        <a:pt x="0" y="0"/>
                      </a:moveTo>
                      <a:lnTo>
                        <a:pt x="21003" y="0"/>
                      </a:lnTo>
                      <a:lnTo>
                        <a:pt x="21003" y="17974"/>
                      </a:lnTo>
                      <a:lnTo>
                        <a:pt x="0" y="17974"/>
                      </a:lnTo>
                      <a:close/>
                    </a:path>
                  </a:pathLst>
                </a:custGeom>
                <a:solidFill>
                  <a:srgbClr val="000000"/>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273" name="Freeform: Shape 272">
                  <a:extLst>
                    <a:ext uri="{FF2B5EF4-FFF2-40B4-BE49-F238E27FC236}">
                      <a16:creationId xmlns:a16="http://schemas.microsoft.com/office/drawing/2014/main" id="{93F6C864-3F07-EF4A-345E-7299E8E992AA}"/>
                    </a:ext>
                  </a:extLst>
                </p:cNvPr>
                <p:cNvSpPr/>
                <p:nvPr/>
              </p:nvSpPr>
              <p:spPr>
                <a:xfrm>
                  <a:off x="5021686" y="3061056"/>
                  <a:ext cx="110509" cy="115195"/>
                </a:xfrm>
                <a:custGeom>
                  <a:avLst/>
                  <a:gdLst>
                    <a:gd name="connsiteX0" fmla="*/ 56036 w 110509"/>
                    <a:gd name="connsiteY0" fmla="*/ 0 h 115195"/>
                    <a:gd name="connsiteX1" fmla="*/ 0 w 110509"/>
                    <a:gd name="connsiteY1" fmla="*/ 57598 h 115195"/>
                    <a:gd name="connsiteX2" fmla="*/ 57379 w 110509"/>
                    <a:gd name="connsiteY2" fmla="*/ 115195 h 115195"/>
                    <a:gd name="connsiteX3" fmla="*/ 102251 w 110509"/>
                    <a:gd name="connsiteY3" fmla="*/ 97107 h 115195"/>
                    <a:gd name="connsiteX4" fmla="*/ 102156 w 110509"/>
                    <a:gd name="connsiteY4" fmla="*/ 97003 h 115195"/>
                    <a:gd name="connsiteX5" fmla="*/ 88487 w 110509"/>
                    <a:gd name="connsiteY5" fmla="*/ 85125 h 115195"/>
                    <a:gd name="connsiteX6" fmla="*/ 57379 w 110509"/>
                    <a:gd name="connsiteY6" fmla="*/ 97107 h 115195"/>
                    <a:gd name="connsiteX7" fmla="*/ 19869 w 110509"/>
                    <a:gd name="connsiteY7" fmla="*/ 62284 h 115195"/>
                    <a:gd name="connsiteX8" fmla="*/ 110509 w 110509"/>
                    <a:gd name="connsiteY8" fmla="*/ 62284 h 115195"/>
                    <a:gd name="connsiteX9" fmla="*/ 56036 w 110509"/>
                    <a:gd name="connsiteY9" fmla="*/ 0 h 115195"/>
                    <a:gd name="connsiteX10" fmla="*/ 20765 w 110509"/>
                    <a:gd name="connsiteY10" fmla="*/ 45549 h 115195"/>
                    <a:gd name="connsiteX11" fmla="*/ 54921 w 110509"/>
                    <a:gd name="connsiteY11" fmla="*/ 17640 h 115195"/>
                    <a:gd name="connsiteX12" fmla="*/ 88859 w 110509"/>
                    <a:gd name="connsiteY12" fmla="*/ 45549 h 115195"/>
                    <a:gd name="connsiteX13" fmla="*/ 20765 w 110509"/>
                    <a:gd name="connsiteY13" fmla="*/ 45549 h 11519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l="l" t="t" r="r" b="b"/>
                  <a:pathLst>
                    <a:path w="110509" h="115195">
                      <a:moveTo>
                        <a:pt x="56036" y="0"/>
                      </a:moveTo>
                      <a:cubicBezTo>
                        <a:pt x="24784" y="0"/>
                        <a:pt x="0" y="25232"/>
                        <a:pt x="0" y="57598"/>
                      </a:cubicBezTo>
                      <a:cubicBezTo>
                        <a:pt x="0" y="89745"/>
                        <a:pt x="24327" y="115195"/>
                        <a:pt x="57379" y="115195"/>
                      </a:cubicBezTo>
                      <a:cubicBezTo>
                        <a:pt x="76800" y="115195"/>
                        <a:pt x="92650" y="107156"/>
                        <a:pt x="102251" y="97107"/>
                      </a:cubicBezTo>
                      <a:lnTo>
                        <a:pt x="102156" y="97003"/>
                      </a:lnTo>
                      <a:lnTo>
                        <a:pt x="88487" y="85125"/>
                      </a:lnTo>
                      <a:cubicBezTo>
                        <a:pt x="81296" y="91659"/>
                        <a:pt x="70504" y="97107"/>
                        <a:pt x="57379" y="97107"/>
                      </a:cubicBezTo>
                      <a:cubicBezTo>
                        <a:pt x="37062" y="97107"/>
                        <a:pt x="21660" y="82153"/>
                        <a:pt x="19869" y="62284"/>
                      </a:cubicBezTo>
                      <a:lnTo>
                        <a:pt x="110509" y="62284"/>
                      </a:lnTo>
                      <a:cubicBezTo>
                        <a:pt x="110061" y="22555"/>
                        <a:pt x="87287" y="0"/>
                        <a:pt x="56036" y="0"/>
                      </a:cubicBezTo>
                      <a:close/>
                      <a:moveTo>
                        <a:pt x="20765" y="45549"/>
                      </a:moveTo>
                      <a:cubicBezTo>
                        <a:pt x="24784" y="28585"/>
                        <a:pt x="38624" y="17640"/>
                        <a:pt x="54921" y="17640"/>
                      </a:cubicBezTo>
                      <a:cubicBezTo>
                        <a:pt x="71885" y="17421"/>
                        <a:pt x="86173" y="27241"/>
                        <a:pt x="88859" y="45549"/>
                      </a:cubicBezTo>
                      <a:lnTo>
                        <a:pt x="20765" y="45549"/>
                      </a:lnTo>
                      <a:close/>
                    </a:path>
                  </a:pathLst>
                </a:custGeom>
                <a:solidFill>
                  <a:srgbClr val="000000"/>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274" name="Freeform: Shape 273">
                  <a:extLst>
                    <a:ext uri="{FF2B5EF4-FFF2-40B4-BE49-F238E27FC236}">
                      <a16:creationId xmlns:a16="http://schemas.microsoft.com/office/drawing/2014/main" id="{FD4C4FBB-DBE5-2EBE-D414-62618A49A8A9}"/>
                    </a:ext>
                  </a:extLst>
                </p:cNvPr>
                <p:cNvSpPr/>
                <p:nvPr/>
              </p:nvSpPr>
              <p:spPr>
                <a:xfrm>
                  <a:off x="5301683" y="3061056"/>
                  <a:ext cx="81705" cy="115204"/>
                </a:xfrm>
                <a:custGeom>
                  <a:avLst/>
                  <a:gdLst>
                    <a:gd name="connsiteX0" fmla="*/ 51540 w 81705"/>
                    <a:gd name="connsiteY0" fmla="*/ 49787 h 115204"/>
                    <a:gd name="connsiteX1" fmla="*/ 42024 w 81705"/>
                    <a:gd name="connsiteY1" fmla="*/ 46434 h 115204"/>
                    <a:gd name="connsiteX2" fmla="*/ 25079 w 81705"/>
                    <a:gd name="connsiteY2" fmla="*/ 29470 h 115204"/>
                    <a:gd name="connsiteX3" fmla="*/ 41557 w 81705"/>
                    <a:gd name="connsiteY3" fmla="*/ 17193 h 115204"/>
                    <a:gd name="connsiteX4" fmla="*/ 60379 w 81705"/>
                    <a:gd name="connsiteY4" fmla="*/ 25898 h 115204"/>
                    <a:gd name="connsiteX5" fmla="*/ 73390 w 81705"/>
                    <a:gd name="connsiteY5" fmla="*/ 14592 h 115204"/>
                    <a:gd name="connsiteX6" fmla="*/ 41567 w 81705"/>
                    <a:gd name="connsiteY6" fmla="*/ 0 h 115204"/>
                    <a:gd name="connsiteX7" fmla="*/ 5362 w 81705"/>
                    <a:gd name="connsiteY7" fmla="*/ 29689 h 115204"/>
                    <a:gd name="connsiteX8" fmla="*/ 32975 w 81705"/>
                    <a:gd name="connsiteY8" fmla="*/ 62732 h 115204"/>
                    <a:gd name="connsiteX9" fmla="*/ 42034 w 81705"/>
                    <a:gd name="connsiteY9" fmla="*/ 66084 h 115204"/>
                    <a:gd name="connsiteX10" fmla="*/ 61750 w 81705"/>
                    <a:gd name="connsiteY10" fmla="*/ 83944 h 115204"/>
                    <a:gd name="connsiteX11" fmla="*/ 41100 w 81705"/>
                    <a:gd name="connsiteY11" fmla="*/ 98012 h 115204"/>
                    <a:gd name="connsiteX12" fmla="*/ 13716 w 81705"/>
                    <a:gd name="connsiteY12" fmla="*/ 83944 h 115204"/>
                    <a:gd name="connsiteX13" fmla="*/ 0 w 81705"/>
                    <a:gd name="connsiteY13" fmla="*/ 95869 h 115204"/>
                    <a:gd name="connsiteX14" fmla="*/ 40634 w 81705"/>
                    <a:gd name="connsiteY14" fmla="*/ 115205 h 115204"/>
                    <a:gd name="connsiteX15" fmla="*/ 81705 w 81705"/>
                    <a:gd name="connsiteY15" fmla="*/ 83277 h 115204"/>
                    <a:gd name="connsiteX16" fmla="*/ 51540 w 81705"/>
                    <a:gd name="connsiteY16" fmla="*/ 49787 h 11520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l="l" t="t" r="r" b="b"/>
                  <a:pathLst>
                    <a:path w="81705" h="115204">
                      <a:moveTo>
                        <a:pt x="51540" y="49787"/>
                      </a:moveTo>
                      <a:lnTo>
                        <a:pt x="42024" y="46434"/>
                      </a:lnTo>
                      <a:cubicBezTo>
                        <a:pt x="28565" y="41748"/>
                        <a:pt x="25079" y="36385"/>
                        <a:pt x="25079" y="29470"/>
                      </a:cubicBezTo>
                      <a:cubicBezTo>
                        <a:pt x="25079" y="21650"/>
                        <a:pt x="32737" y="17193"/>
                        <a:pt x="41557" y="17193"/>
                      </a:cubicBezTo>
                      <a:cubicBezTo>
                        <a:pt x="49701" y="17193"/>
                        <a:pt x="55464" y="20517"/>
                        <a:pt x="60379" y="25898"/>
                      </a:cubicBezTo>
                      <a:lnTo>
                        <a:pt x="73390" y="14592"/>
                      </a:lnTo>
                      <a:cubicBezTo>
                        <a:pt x="65256" y="4829"/>
                        <a:pt x="54397" y="0"/>
                        <a:pt x="41567" y="0"/>
                      </a:cubicBezTo>
                      <a:cubicBezTo>
                        <a:pt x="20450" y="0"/>
                        <a:pt x="5362" y="12944"/>
                        <a:pt x="5362" y="29689"/>
                      </a:cubicBezTo>
                      <a:cubicBezTo>
                        <a:pt x="5362" y="43082"/>
                        <a:pt x="12554" y="55359"/>
                        <a:pt x="32975" y="62732"/>
                      </a:cubicBezTo>
                      <a:lnTo>
                        <a:pt x="42034" y="66084"/>
                      </a:lnTo>
                      <a:cubicBezTo>
                        <a:pt x="55721" y="70771"/>
                        <a:pt x="61750" y="75457"/>
                        <a:pt x="61750" y="83944"/>
                      </a:cubicBezTo>
                      <a:cubicBezTo>
                        <a:pt x="61750" y="92431"/>
                        <a:pt x="52464" y="98012"/>
                        <a:pt x="41100" y="98012"/>
                      </a:cubicBezTo>
                      <a:cubicBezTo>
                        <a:pt x="28842" y="98012"/>
                        <a:pt x="20993" y="92345"/>
                        <a:pt x="13716" y="83944"/>
                      </a:cubicBezTo>
                      <a:lnTo>
                        <a:pt x="0" y="95869"/>
                      </a:lnTo>
                      <a:cubicBezTo>
                        <a:pt x="10030" y="108042"/>
                        <a:pt x="24289" y="115205"/>
                        <a:pt x="40634" y="115205"/>
                      </a:cubicBezTo>
                      <a:cubicBezTo>
                        <a:pt x="65932" y="115205"/>
                        <a:pt x="81705" y="101136"/>
                        <a:pt x="81705" y="83277"/>
                      </a:cubicBezTo>
                      <a:cubicBezTo>
                        <a:pt x="81705" y="66761"/>
                        <a:pt x="71256" y="56712"/>
                        <a:pt x="51540" y="49787"/>
                      </a:cubicBezTo>
                      <a:close/>
                    </a:path>
                  </a:pathLst>
                </a:custGeom>
                <a:solidFill>
                  <a:srgbClr val="000000"/>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275" name="Freeform: Shape 274">
                  <a:extLst>
                    <a:ext uri="{FF2B5EF4-FFF2-40B4-BE49-F238E27FC236}">
                      <a16:creationId xmlns:a16="http://schemas.microsoft.com/office/drawing/2014/main" id="{F49DEBA8-A96D-C420-4483-18C30C63C45C}"/>
                    </a:ext>
                  </a:extLst>
                </p:cNvPr>
                <p:cNvSpPr/>
                <p:nvPr/>
              </p:nvSpPr>
              <p:spPr>
                <a:xfrm>
                  <a:off x="4592527" y="3060275"/>
                  <a:ext cx="104822" cy="116766"/>
                </a:xfrm>
                <a:custGeom>
                  <a:avLst/>
                  <a:gdLst>
                    <a:gd name="connsiteX0" fmla="*/ 104823 w 104822"/>
                    <a:gd name="connsiteY0" fmla="*/ 11773 h 116766"/>
                    <a:gd name="connsiteX1" fmla="*/ 91288 w 104822"/>
                    <a:gd name="connsiteY1" fmla="*/ 0 h 116766"/>
                    <a:gd name="connsiteX2" fmla="*/ 52416 w 104822"/>
                    <a:gd name="connsiteY2" fmla="*/ 44710 h 116766"/>
                    <a:gd name="connsiteX3" fmla="*/ 13887 w 104822"/>
                    <a:gd name="connsiteY3" fmla="*/ 381 h 116766"/>
                    <a:gd name="connsiteX4" fmla="*/ 13545 w 104822"/>
                    <a:gd name="connsiteY4" fmla="*/ 0 h 116766"/>
                    <a:gd name="connsiteX5" fmla="*/ 0 w 104822"/>
                    <a:gd name="connsiteY5" fmla="*/ 11773 h 116766"/>
                    <a:gd name="connsiteX6" fmla="*/ 40529 w 104822"/>
                    <a:gd name="connsiteY6" fmla="*/ 58388 h 116766"/>
                    <a:gd name="connsiteX7" fmla="*/ 343 w 104822"/>
                    <a:gd name="connsiteY7" fmla="*/ 104604 h 116766"/>
                    <a:gd name="connsiteX8" fmla="*/ 0 w 104822"/>
                    <a:gd name="connsiteY8" fmla="*/ 104994 h 116766"/>
                    <a:gd name="connsiteX9" fmla="*/ 13545 w 104822"/>
                    <a:gd name="connsiteY9" fmla="*/ 116767 h 116766"/>
                    <a:gd name="connsiteX10" fmla="*/ 52416 w 104822"/>
                    <a:gd name="connsiteY10" fmla="*/ 72057 h 116766"/>
                    <a:gd name="connsiteX11" fmla="*/ 90945 w 104822"/>
                    <a:gd name="connsiteY11" fmla="*/ 116376 h 116766"/>
                    <a:gd name="connsiteX12" fmla="*/ 91288 w 104822"/>
                    <a:gd name="connsiteY12" fmla="*/ 116767 h 116766"/>
                    <a:gd name="connsiteX13" fmla="*/ 104823 w 104822"/>
                    <a:gd name="connsiteY13" fmla="*/ 104994 h 116766"/>
                    <a:gd name="connsiteX14" fmla="*/ 64303 w 104822"/>
                    <a:gd name="connsiteY14" fmla="*/ 58388 h 116766"/>
                    <a:gd name="connsiteX15" fmla="*/ 104489 w 104822"/>
                    <a:gd name="connsiteY15" fmla="*/ 12163 h 11676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Lst>
                  <a:rect l="l" t="t" r="r" b="b"/>
                  <a:pathLst>
                    <a:path w="104822" h="116766">
                      <a:moveTo>
                        <a:pt x="104823" y="11773"/>
                      </a:moveTo>
                      <a:lnTo>
                        <a:pt x="91288" y="0"/>
                      </a:lnTo>
                      <a:lnTo>
                        <a:pt x="52416" y="44710"/>
                      </a:lnTo>
                      <a:lnTo>
                        <a:pt x="13887" y="381"/>
                      </a:lnTo>
                      <a:lnTo>
                        <a:pt x="13545" y="0"/>
                      </a:lnTo>
                      <a:lnTo>
                        <a:pt x="0" y="11773"/>
                      </a:lnTo>
                      <a:lnTo>
                        <a:pt x="40529" y="58388"/>
                      </a:lnTo>
                      <a:lnTo>
                        <a:pt x="343" y="104604"/>
                      </a:lnTo>
                      <a:lnTo>
                        <a:pt x="0" y="104994"/>
                      </a:lnTo>
                      <a:lnTo>
                        <a:pt x="13545" y="116767"/>
                      </a:lnTo>
                      <a:lnTo>
                        <a:pt x="52416" y="72057"/>
                      </a:lnTo>
                      <a:lnTo>
                        <a:pt x="90945" y="116376"/>
                      </a:lnTo>
                      <a:lnTo>
                        <a:pt x="91288" y="116767"/>
                      </a:lnTo>
                      <a:lnTo>
                        <a:pt x="104823" y="104994"/>
                      </a:lnTo>
                      <a:lnTo>
                        <a:pt x="64303" y="58388"/>
                      </a:lnTo>
                      <a:lnTo>
                        <a:pt x="104489" y="12163"/>
                      </a:lnTo>
                      <a:close/>
                    </a:path>
                  </a:pathLst>
                </a:custGeom>
                <a:solidFill>
                  <a:srgbClr val="000000"/>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276" name="Freeform: Shape 275">
                  <a:extLst>
                    <a:ext uri="{FF2B5EF4-FFF2-40B4-BE49-F238E27FC236}">
                      <a16:creationId xmlns:a16="http://schemas.microsoft.com/office/drawing/2014/main" id="{956C7D90-98F3-C6BD-30EF-B93D4367F6EA}"/>
                    </a:ext>
                  </a:extLst>
                </p:cNvPr>
                <p:cNvSpPr/>
                <p:nvPr/>
              </p:nvSpPr>
              <p:spPr>
                <a:xfrm>
                  <a:off x="4717686" y="3062846"/>
                  <a:ext cx="19202" cy="111623"/>
                </a:xfrm>
                <a:custGeom>
                  <a:avLst/>
                  <a:gdLst>
                    <a:gd name="connsiteX0" fmla="*/ 0 w 19202"/>
                    <a:gd name="connsiteY0" fmla="*/ 0 h 111623"/>
                    <a:gd name="connsiteX1" fmla="*/ 19202 w 19202"/>
                    <a:gd name="connsiteY1" fmla="*/ 0 h 111623"/>
                    <a:gd name="connsiteX2" fmla="*/ 19202 w 19202"/>
                    <a:gd name="connsiteY2" fmla="*/ 111623 h 111623"/>
                    <a:gd name="connsiteX3" fmla="*/ 0 w 19202"/>
                    <a:gd name="connsiteY3" fmla="*/ 111623 h 111623"/>
                  </a:gdLst>
                  <a:ahLst/>
                  <a:cxnLst>
                    <a:cxn ang="0">
                      <a:pos x="connsiteX0" y="connsiteY0"/>
                    </a:cxn>
                    <a:cxn ang="0">
                      <a:pos x="connsiteX1" y="connsiteY1"/>
                    </a:cxn>
                    <a:cxn ang="0">
                      <a:pos x="connsiteX2" y="connsiteY2"/>
                    </a:cxn>
                    <a:cxn ang="0">
                      <a:pos x="connsiteX3" y="connsiteY3"/>
                    </a:cxn>
                  </a:cxnLst>
                  <a:rect l="l" t="t" r="r" b="b"/>
                  <a:pathLst>
                    <a:path w="19202" h="111623">
                      <a:moveTo>
                        <a:pt x="0" y="0"/>
                      </a:moveTo>
                      <a:lnTo>
                        <a:pt x="19202" y="0"/>
                      </a:lnTo>
                      <a:lnTo>
                        <a:pt x="19202" y="111623"/>
                      </a:lnTo>
                      <a:lnTo>
                        <a:pt x="0" y="111623"/>
                      </a:lnTo>
                      <a:close/>
                    </a:path>
                  </a:pathLst>
                </a:custGeom>
                <a:solidFill>
                  <a:srgbClr val="000000"/>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277" name="Freeform: Shape 276">
                  <a:extLst>
                    <a:ext uri="{FF2B5EF4-FFF2-40B4-BE49-F238E27FC236}">
                      <a16:creationId xmlns:a16="http://schemas.microsoft.com/office/drawing/2014/main" id="{5D5944E7-2AD6-3017-7763-D20AB049DE2F}"/>
                    </a:ext>
                  </a:extLst>
                </p:cNvPr>
                <p:cNvSpPr/>
                <p:nvPr/>
              </p:nvSpPr>
              <p:spPr>
                <a:xfrm>
                  <a:off x="4716781" y="3014736"/>
                  <a:ext cx="21002" cy="17973"/>
                </a:xfrm>
                <a:custGeom>
                  <a:avLst/>
                  <a:gdLst>
                    <a:gd name="connsiteX0" fmla="*/ 0 w 21002"/>
                    <a:gd name="connsiteY0" fmla="*/ 0 h 17973"/>
                    <a:gd name="connsiteX1" fmla="*/ 21003 w 21002"/>
                    <a:gd name="connsiteY1" fmla="*/ 0 h 17973"/>
                    <a:gd name="connsiteX2" fmla="*/ 21003 w 21002"/>
                    <a:gd name="connsiteY2" fmla="*/ 17974 h 17973"/>
                    <a:gd name="connsiteX3" fmla="*/ 0 w 21002"/>
                    <a:gd name="connsiteY3" fmla="*/ 17974 h 17973"/>
                  </a:gdLst>
                  <a:ahLst/>
                  <a:cxnLst>
                    <a:cxn ang="0">
                      <a:pos x="connsiteX0" y="connsiteY0"/>
                    </a:cxn>
                    <a:cxn ang="0">
                      <a:pos x="connsiteX1" y="connsiteY1"/>
                    </a:cxn>
                    <a:cxn ang="0">
                      <a:pos x="connsiteX2" y="connsiteY2"/>
                    </a:cxn>
                    <a:cxn ang="0">
                      <a:pos x="connsiteX3" y="connsiteY3"/>
                    </a:cxn>
                  </a:cxnLst>
                  <a:rect l="l" t="t" r="r" b="b"/>
                  <a:pathLst>
                    <a:path w="21002" h="17973">
                      <a:moveTo>
                        <a:pt x="0" y="0"/>
                      </a:moveTo>
                      <a:lnTo>
                        <a:pt x="21003" y="0"/>
                      </a:lnTo>
                      <a:lnTo>
                        <a:pt x="21003" y="17974"/>
                      </a:lnTo>
                      <a:lnTo>
                        <a:pt x="0" y="17974"/>
                      </a:lnTo>
                      <a:close/>
                    </a:path>
                  </a:pathLst>
                </a:custGeom>
                <a:solidFill>
                  <a:srgbClr val="000000"/>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278" name="Freeform: Shape 277">
                  <a:extLst>
                    <a:ext uri="{FF2B5EF4-FFF2-40B4-BE49-F238E27FC236}">
                      <a16:creationId xmlns:a16="http://schemas.microsoft.com/office/drawing/2014/main" id="{350AEA66-F999-AE84-12E2-6F8ED029C425}"/>
                    </a:ext>
                  </a:extLst>
                </p:cNvPr>
                <p:cNvSpPr/>
                <p:nvPr/>
              </p:nvSpPr>
              <p:spPr>
                <a:xfrm>
                  <a:off x="4475999" y="3061056"/>
                  <a:ext cx="110509" cy="115195"/>
                </a:xfrm>
                <a:custGeom>
                  <a:avLst/>
                  <a:gdLst>
                    <a:gd name="connsiteX0" fmla="*/ 56036 w 110509"/>
                    <a:gd name="connsiteY0" fmla="*/ 0 h 115195"/>
                    <a:gd name="connsiteX1" fmla="*/ 0 w 110509"/>
                    <a:gd name="connsiteY1" fmla="*/ 57598 h 115195"/>
                    <a:gd name="connsiteX2" fmla="*/ 57379 w 110509"/>
                    <a:gd name="connsiteY2" fmla="*/ 115195 h 115195"/>
                    <a:gd name="connsiteX3" fmla="*/ 102251 w 110509"/>
                    <a:gd name="connsiteY3" fmla="*/ 97107 h 115195"/>
                    <a:gd name="connsiteX4" fmla="*/ 102156 w 110509"/>
                    <a:gd name="connsiteY4" fmla="*/ 97003 h 115195"/>
                    <a:gd name="connsiteX5" fmla="*/ 88487 w 110509"/>
                    <a:gd name="connsiteY5" fmla="*/ 85125 h 115195"/>
                    <a:gd name="connsiteX6" fmla="*/ 57379 w 110509"/>
                    <a:gd name="connsiteY6" fmla="*/ 97107 h 115195"/>
                    <a:gd name="connsiteX7" fmla="*/ 19869 w 110509"/>
                    <a:gd name="connsiteY7" fmla="*/ 62284 h 115195"/>
                    <a:gd name="connsiteX8" fmla="*/ 110509 w 110509"/>
                    <a:gd name="connsiteY8" fmla="*/ 62284 h 115195"/>
                    <a:gd name="connsiteX9" fmla="*/ 56036 w 110509"/>
                    <a:gd name="connsiteY9" fmla="*/ 0 h 115195"/>
                    <a:gd name="connsiteX10" fmla="*/ 20765 w 110509"/>
                    <a:gd name="connsiteY10" fmla="*/ 45549 h 115195"/>
                    <a:gd name="connsiteX11" fmla="*/ 54921 w 110509"/>
                    <a:gd name="connsiteY11" fmla="*/ 17640 h 115195"/>
                    <a:gd name="connsiteX12" fmla="*/ 88859 w 110509"/>
                    <a:gd name="connsiteY12" fmla="*/ 45549 h 115195"/>
                    <a:gd name="connsiteX13" fmla="*/ 20765 w 110509"/>
                    <a:gd name="connsiteY13" fmla="*/ 45549 h 11519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l="l" t="t" r="r" b="b"/>
                  <a:pathLst>
                    <a:path w="110509" h="115195">
                      <a:moveTo>
                        <a:pt x="56036" y="0"/>
                      </a:moveTo>
                      <a:cubicBezTo>
                        <a:pt x="24784" y="0"/>
                        <a:pt x="0" y="25232"/>
                        <a:pt x="0" y="57598"/>
                      </a:cubicBezTo>
                      <a:cubicBezTo>
                        <a:pt x="0" y="89745"/>
                        <a:pt x="24336" y="115195"/>
                        <a:pt x="57379" y="115195"/>
                      </a:cubicBezTo>
                      <a:cubicBezTo>
                        <a:pt x="76800" y="115195"/>
                        <a:pt x="92650" y="107156"/>
                        <a:pt x="102251" y="97107"/>
                      </a:cubicBezTo>
                      <a:lnTo>
                        <a:pt x="102156" y="97003"/>
                      </a:lnTo>
                      <a:lnTo>
                        <a:pt x="88487" y="85125"/>
                      </a:lnTo>
                      <a:cubicBezTo>
                        <a:pt x="81296" y="91659"/>
                        <a:pt x="70504" y="97107"/>
                        <a:pt x="57379" y="97107"/>
                      </a:cubicBezTo>
                      <a:cubicBezTo>
                        <a:pt x="37062" y="97107"/>
                        <a:pt x="21660" y="82153"/>
                        <a:pt x="19869" y="62284"/>
                      </a:cubicBezTo>
                      <a:lnTo>
                        <a:pt x="110509" y="62284"/>
                      </a:lnTo>
                      <a:cubicBezTo>
                        <a:pt x="110071" y="22555"/>
                        <a:pt x="87297" y="0"/>
                        <a:pt x="56036" y="0"/>
                      </a:cubicBezTo>
                      <a:close/>
                      <a:moveTo>
                        <a:pt x="20765" y="45549"/>
                      </a:moveTo>
                      <a:cubicBezTo>
                        <a:pt x="24784" y="28585"/>
                        <a:pt x="38624" y="17640"/>
                        <a:pt x="54921" y="17640"/>
                      </a:cubicBezTo>
                      <a:cubicBezTo>
                        <a:pt x="71895" y="17421"/>
                        <a:pt x="86182" y="27241"/>
                        <a:pt x="88859" y="45549"/>
                      </a:cubicBezTo>
                      <a:lnTo>
                        <a:pt x="20765" y="45549"/>
                      </a:lnTo>
                      <a:close/>
                    </a:path>
                  </a:pathLst>
                </a:custGeom>
                <a:solidFill>
                  <a:srgbClr val="000000"/>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279" name="Freeform: Shape 278">
                  <a:extLst>
                    <a:ext uri="{FF2B5EF4-FFF2-40B4-BE49-F238E27FC236}">
                      <a16:creationId xmlns:a16="http://schemas.microsoft.com/office/drawing/2014/main" id="{7E80CF32-06F1-2FDD-067A-4B47D349217A}"/>
                    </a:ext>
                  </a:extLst>
                </p:cNvPr>
                <p:cNvSpPr/>
                <p:nvPr/>
              </p:nvSpPr>
              <p:spPr>
                <a:xfrm>
                  <a:off x="4755995" y="3061056"/>
                  <a:ext cx="81705" cy="115204"/>
                </a:xfrm>
                <a:custGeom>
                  <a:avLst/>
                  <a:gdLst>
                    <a:gd name="connsiteX0" fmla="*/ 51540 w 81705"/>
                    <a:gd name="connsiteY0" fmla="*/ 49787 h 115204"/>
                    <a:gd name="connsiteX1" fmla="*/ 42024 w 81705"/>
                    <a:gd name="connsiteY1" fmla="*/ 46434 h 115204"/>
                    <a:gd name="connsiteX2" fmla="*/ 25089 w 81705"/>
                    <a:gd name="connsiteY2" fmla="*/ 29470 h 115204"/>
                    <a:gd name="connsiteX3" fmla="*/ 41567 w 81705"/>
                    <a:gd name="connsiteY3" fmla="*/ 17193 h 115204"/>
                    <a:gd name="connsiteX4" fmla="*/ 60389 w 81705"/>
                    <a:gd name="connsiteY4" fmla="*/ 25898 h 115204"/>
                    <a:gd name="connsiteX5" fmla="*/ 73390 w 81705"/>
                    <a:gd name="connsiteY5" fmla="*/ 14592 h 115204"/>
                    <a:gd name="connsiteX6" fmla="*/ 41567 w 81705"/>
                    <a:gd name="connsiteY6" fmla="*/ 0 h 115204"/>
                    <a:gd name="connsiteX7" fmla="*/ 5363 w 81705"/>
                    <a:gd name="connsiteY7" fmla="*/ 29689 h 115204"/>
                    <a:gd name="connsiteX8" fmla="*/ 32976 w 81705"/>
                    <a:gd name="connsiteY8" fmla="*/ 62732 h 115204"/>
                    <a:gd name="connsiteX9" fmla="*/ 42024 w 81705"/>
                    <a:gd name="connsiteY9" fmla="*/ 66084 h 115204"/>
                    <a:gd name="connsiteX10" fmla="*/ 61751 w 81705"/>
                    <a:gd name="connsiteY10" fmla="*/ 83944 h 115204"/>
                    <a:gd name="connsiteX11" fmla="*/ 41100 w 81705"/>
                    <a:gd name="connsiteY11" fmla="*/ 98012 h 115204"/>
                    <a:gd name="connsiteX12" fmla="*/ 13716 w 81705"/>
                    <a:gd name="connsiteY12" fmla="*/ 83944 h 115204"/>
                    <a:gd name="connsiteX13" fmla="*/ 0 w 81705"/>
                    <a:gd name="connsiteY13" fmla="*/ 95869 h 115204"/>
                    <a:gd name="connsiteX14" fmla="*/ 40634 w 81705"/>
                    <a:gd name="connsiteY14" fmla="*/ 115205 h 115204"/>
                    <a:gd name="connsiteX15" fmla="*/ 81705 w 81705"/>
                    <a:gd name="connsiteY15" fmla="*/ 83277 h 115204"/>
                    <a:gd name="connsiteX16" fmla="*/ 51540 w 81705"/>
                    <a:gd name="connsiteY16" fmla="*/ 49787 h 11520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l="l" t="t" r="r" b="b"/>
                  <a:pathLst>
                    <a:path w="81705" h="115204">
                      <a:moveTo>
                        <a:pt x="51540" y="49787"/>
                      </a:moveTo>
                      <a:lnTo>
                        <a:pt x="42024" y="46434"/>
                      </a:lnTo>
                      <a:cubicBezTo>
                        <a:pt x="28565" y="41748"/>
                        <a:pt x="25089" y="36385"/>
                        <a:pt x="25089" y="29470"/>
                      </a:cubicBezTo>
                      <a:cubicBezTo>
                        <a:pt x="25089" y="21650"/>
                        <a:pt x="32747" y="17193"/>
                        <a:pt x="41567" y="17193"/>
                      </a:cubicBezTo>
                      <a:cubicBezTo>
                        <a:pt x="49711" y="17193"/>
                        <a:pt x="55474" y="20517"/>
                        <a:pt x="60389" y="25898"/>
                      </a:cubicBezTo>
                      <a:lnTo>
                        <a:pt x="73390" y="14592"/>
                      </a:lnTo>
                      <a:cubicBezTo>
                        <a:pt x="65265" y="4829"/>
                        <a:pt x="54397" y="0"/>
                        <a:pt x="41567" y="0"/>
                      </a:cubicBezTo>
                      <a:cubicBezTo>
                        <a:pt x="20450" y="0"/>
                        <a:pt x="5363" y="12944"/>
                        <a:pt x="5363" y="29689"/>
                      </a:cubicBezTo>
                      <a:cubicBezTo>
                        <a:pt x="5363" y="43082"/>
                        <a:pt x="12554" y="55359"/>
                        <a:pt x="32976" y="62732"/>
                      </a:cubicBezTo>
                      <a:lnTo>
                        <a:pt x="42024" y="66084"/>
                      </a:lnTo>
                      <a:cubicBezTo>
                        <a:pt x="55712" y="70771"/>
                        <a:pt x="61751" y="75457"/>
                        <a:pt x="61751" y="83944"/>
                      </a:cubicBezTo>
                      <a:cubicBezTo>
                        <a:pt x="61751" y="92431"/>
                        <a:pt x="52464" y="98012"/>
                        <a:pt x="41100" y="98012"/>
                      </a:cubicBezTo>
                      <a:cubicBezTo>
                        <a:pt x="28842" y="98012"/>
                        <a:pt x="20984" y="92345"/>
                        <a:pt x="13716" y="83944"/>
                      </a:cubicBezTo>
                      <a:lnTo>
                        <a:pt x="0" y="95869"/>
                      </a:lnTo>
                      <a:cubicBezTo>
                        <a:pt x="10030" y="108042"/>
                        <a:pt x="24289" y="115205"/>
                        <a:pt x="40634" y="115205"/>
                      </a:cubicBezTo>
                      <a:cubicBezTo>
                        <a:pt x="65932" y="115205"/>
                        <a:pt x="81705" y="101136"/>
                        <a:pt x="81705" y="83277"/>
                      </a:cubicBezTo>
                      <a:cubicBezTo>
                        <a:pt x="81715" y="66761"/>
                        <a:pt x="71266" y="56712"/>
                        <a:pt x="51540" y="49787"/>
                      </a:cubicBezTo>
                      <a:close/>
                    </a:path>
                  </a:pathLst>
                </a:custGeom>
                <a:solidFill>
                  <a:srgbClr val="000000"/>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280" name="Freeform: Shape 279">
                  <a:extLst>
                    <a:ext uri="{FF2B5EF4-FFF2-40B4-BE49-F238E27FC236}">
                      <a16:creationId xmlns:a16="http://schemas.microsoft.com/office/drawing/2014/main" id="{67C2A0EA-18A4-22FF-6DA7-E85E67BA8070}"/>
                    </a:ext>
                  </a:extLst>
                </p:cNvPr>
                <p:cNvSpPr/>
                <p:nvPr/>
              </p:nvSpPr>
              <p:spPr>
                <a:xfrm>
                  <a:off x="5384436" y="3032681"/>
                  <a:ext cx="29651" cy="29841"/>
                </a:xfrm>
                <a:custGeom>
                  <a:avLst/>
                  <a:gdLst>
                    <a:gd name="connsiteX0" fmla="*/ 14859 w 29651"/>
                    <a:gd name="connsiteY0" fmla="*/ 0 h 29841"/>
                    <a:gd name="connsiteX1" fmla="*/ 0 w 29651"/>
                    <a:gd name="connsiteY1" fmla="*/ 14916 h 29841"/>
                    <a:gd name="connsiteX2" fmla="*/ 14859 w 29651"/>
                    <a:gd name="connsiteY2" fmla="*/ 29842 h 29841"/>
                    <a:gd name="connsiteX3" fmla="*/ 29651 w 29651"/>
                    <a:gd name="connsiteY3" fmla="*/ 14916 h 29841"/>
                    <a:gd name="connsiteX4" fmla="*/ 14859 w 29651"/>
                    <a:gd name="connsiteY4" fmla="*/ 0 h 29841"/>
                    <a:gd name="connsiteX5" fmla="*/ 14859 w 29651"/>
                    <a:gd name="connsiteY5" fmla="*/ 27442 h 29841"/>
                    <a:gd name="connsiteX6" fmla="*/ 2524 w 29651"/>
                    <a:gd name="connsiteY6" fmla="*/ 14916 h 29841"/>
                    <a:gd name="connsiteX7" fmla="*/ 14859 w 29651"/>
                    <a:gd name="connsiteY7" fmla="*/ 2391 h 29841"/>
                    <a:gd name="connsiteX8" fmla="*/ 27184 w 29651"/>
                    <a:gd name="connsiteY8" fmla="*/ 14916 h 29841"/>
                    <a:gd name="connsiteX9" fmla="*/ 14859 w 29651"/>
                    <a:gd name="connsiteY9" fmla="*/ 27442 h 2984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29651" h="29841">
                      <a:moveTo>
                        <a:pt x="14859" y="0"/>
                      </a:moveTo>
                      <a:cubicBezTo>
                        <a:pt x="6667" y="0"/>
                        <a:pt x="0" y="6687"/>
                        <a:pt x="0" y="14916"/>
                      </a:cubicBezTo>
                      <a:cubicBezTo>
                        <a:pt x="0" y="23279"/>
                        <a:pt x="6534" y="29842"/>
                        <a:pt x="14859" y="29842"/>
                      </a:cubicBezTo>
                      <a:cubicBezTo>
                        <a:pt x="23155" y="29842"/>
                        <a:pt x="29651" y="23279"/>
                        <a:pt x="29651" y="14916"/>
                      </a:cubicBezTo>
                      <a:cubicBezTo>
                        <a:pt x="29651" y="6553"/>
                        <a:pt x="23155" y="0"/>
                        <a:pt x="14859" y="0"/>
                      </a:cubicBezTo>
                      <a:close/>
                      <a:moveTo>
                        <a:pt x="14859" y="27442"/>
                      </a:moveTo>
                      <a:cubicBezTo>
                        <a:pt x="7944" y="27442"/>
                        <a:pt x="2524" y="21936"/>
                        <a:pt x="2524" y="14916"/>
                      </a:cubicBezTo>
                      <a:cubicBezTo>
                        <a:pt x="2524" y="8011"/>
                        <a:pt x="8049" y="2391"/>
                        <a:pt x="14859" y="2391"/>
                      </a:cubicBezTo>
                      <a:cubicBezTo>
                        <a:pt x="21660" y="2391"/>
                        <a:pt x="27184" y="8011"/>
                        <a:pt x="27184" y="14916"/>
                      </a:cubicBezTo>
                      <a:cubicBezTo>
                        <a:pt x="27184" y="21927"/>
                        <a:pt x="21774" y="27442"/>
                        <a:pt x="14859" y="27442"/>
                      </a:cubicBezTo>
                      <a:close/>
                    </a:path>
                  </a:pathLst>
                </a:custGeom>
                <a:solidFill>
                  <a:srgbClr val="000000"/>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281" name="Freeform: Shape 280">
                  <a:extLst>
                    <a:ext uri="{FF2B5EF4-FFF2-40B4-BE49-F238E27FC236}">
                      <a16:creationId xmlns:a16="http://schemas.microsoft.com/office/drawing/2014/main" id="{615F3AE7-72BD-EFA9-AAED-AB657E75B6C6}"/>
                    </a:ext>
                  </a:extLst>
                </p:cNvPr>
                <p:cNvSpPr/>
                <p:nvPr/>
              </p:nvSpPr>
              <p:spPr>
                <a:xfrm>
                  <a:off x="5393628" y="3038967"/>
                  <a:ext cx="12496" cy="16754"/>
                </a:xfrm>
                <a:custGeom>
                  <a:avLst/>
                  <a:gdLst>
                    <a:gd name="connsiteX0" fmla="*/ 11897 w 12496"/>
                    <a:gd name="connsiteY0" fmla="*/ 4791 h 16754"/>
                    <a:gd name="connsiteX1" fmla="*/ 5915 w 12496"/>
                    <a:gd name="connsiteY1" fmla="*/ 0 h 16754"/>
                    <a:gd name="connsiteX2" fmla="*/ 0 w 12496"/>
                    <a:gd name="connsiteY2" fmla="*/ 0 h 16754"/>
                    <a:gd name="connsiteX3" fmla="*/ 0 w 12496"/>
                    <a:gd name="connsiteY3" fmla="*/ 16754 h 16754"/>
                    <a:gd name="connsiteX4" fmla="*/ 2762 w 12496"/>
                    <a:gd name="connsiteY4" fmla="*/ 16754 h 16754"/>
                    <a:gd name="connsiteX5" fmla="*/ 2762 w 12496"/>
                    <a:gd name="connsiteY5" fmla="*/ 9773 h 16754"/>
                    <a:gd name="connsiteX6" fmla="*/ 5686 w 12496"/>
                    <a:gd name="connsiteY6" fmla="*/ 9773 h 16754"/>
                    <a:gd name="connsiteX7" fmla="*/ 9525 w 12496"/>
                    <a:gd name="connsiteY7" fmla="*/ 16754 h 16754"/>
                    <a:gd name="connsiteX8" fmla="*/ 12497 w 12496"/>
                    <a:gd name="connsiteY8" fmla="*/ 16754 h 16754"/>
                    <a:gd name="connsiteX9" fmla="*/ 8487 w 12496"/>
                    <a:gd name="connsiteY9" fmla="*/ 9373 h 16754"/>
                    <a:gd name="connsiteX10" fmla="*/ 11897 w 12496"/>
                    <a:gd name="connsiteY10" fmla="*/ 4791 h 16754"/>
                    <a:gd name="connsiteX11" fmla="*/ 5791 w 12496"/>
                    <a:gd name="connsiteY11" fmla="*/ 7372 h 16754"/>
                    <a:gd name="connsiteX12" fmla="*/ 2772 w 12496"/>
                    <a:gd name="connsiteY12" fmla="*/ 7372 h 16754"/>
                    <a:gd name="connsiteX13" fmla="*/ 2772 w 12496"/>
                    <a:gd name="connsiteY13" fmla="*/ 2524 h 16754"/>
                    <a:gd name="connsiteX14" fmla="*/ 5725 w 12496"/>
                    <a:gd name="connsiteY14" fmla="*/ 2524 h 16754"/>
                    <a:gd name="connsiteX15" fmla="*/ 9182 w 12496"/>
                    <a:gd name="connsiteY15" fmla="*/ 4848 h 16754"/>
                    <a:gd name="connsiteX16" fmla="*/ 5791 w 12496"/>
                    <a:gd name="connsiteY16" fmla="*/ 7372 h 1675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l="l" t="t" r="r" b="b"/>
                  <a:pathLst>
                    <a:path w="12496" h="16754">
                      <a:moveTo>
                        <a:pt x="11897" y="4791"/>
                      </a:moveTo>
                      <a:cubicBezTo>
                        <a:pt x="11897" y="1743"/>
                        <a:pt x="9715" y="0"/>
                        <a:pt x="5915" y="0"/>
                      </a:cubicBezTo>
                      <a:lnTo>
                        <a:pt x="0" y="0"/>
                      </a:lnTo>
                      <a:lnTo>
                        <a:pt x="0" y="16754"/>
                      </a:lnTo>
                      <a:lnTo>
                        <a:pt x="2762" y="16754"/>
                      </a:lnTo>
                      <a:lnTo>
                        <a:pt x="2762" y="9773"/>
                      </a:lnTo>
                      <a:lnTo>
                        <a:pt x="5686" y="9773"/>
                      </a:lnTo>
                      <a:lnTo>
                        <a:pt x="9525" y="16754"/>
                      </a:lnTo>
                      <a:lnTo>
                        <a:pt x="12497" y="16754"/>
                      </a:lnTo>
                      <a:lnTo>
                        <a:pt x="8487" y="9373"/>
                      </a:lnTo>
                      <a:cubicBezTo>
                        <a:pt x="10763" y="8792"/>
                        <a:pt x="11897" y="7249"/>
                        <a:pt x="11897" y="4791"/>
                      </a:cubicBezTo>
                      <a:close/>
                      <a:moveTo>
                        <a:pt x="5791" y="7372"/>
                      </a:moveTo>
                      <a:lnTo>
                        <a:pt x="2772" y="7372"/>
                      </a:lnTo>
                      <a:lnTo>
                        <a:pt x="2772" y="2524"/>
                      </a:lnTo>
                      <a:lnTo>
                        <a:pt x="5725" y="2524"/>
                      </a:lnTo>
                      <a:cubicBezTo>
                        <a:pt x="8115" y="2524"/>
                        <a:pt x="9182" y="3248"/>
                        <a:pt x="9182" y="4848"/>
                      </a:cubicBezTo>
                      <a:cubicBezTo>
                        <a:pt x="9182" y="6610"/>
                        <a:pt x="8172" y="7372"/>
                        <a:pt x="5791" y="7372"/>
                      </a:cubicBezTo>
                      <a:close/>
                    </a:path>
                  </a:pathLst>
                </a:custGeom>
                <a:solidFill>
                  <a:srgbClr val="000000"/>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282" name="Freeform: Shape 281">
                  <a:extLst>
                    <a:ext uri="{FF2B5EF4-FFF2-40B4-BE49-F238E27FC236}">
                      <a16:creationId xmlns:a16="http://schemas.microsoft.com/office/drawing/2014/main" id="{7D3E8D8C-A573-9413-680E-61C63332D195}"/>
                    </a:ext>
                  </a:extLst>
                </p:cNvPr>
                <p:cNvSpPr/>
                <p:nvPr/>
              </p:nvSpPr>
              <p:spPr>
                <a:xfrm>
                  <a:off x="4255457" y="2984894"/>
                  <a:ext cx="29651" cy="29841"/>
                </a:xfrm>
                <a:custGeom>
                  <a:avLst/>
                  <a:gdLst>
                    <a:gd name="connsiteX0" fmla="*/ 14859 w 29651"/>
                    <a:gd name="connsiteY0" fmla="*/ 0 h 29841"/>
                    <a:gd name="connsiteX1" fmla="*/ 0 w 29651"/>
                    <a:gd name="connsiteY1" fmla="*/ 14916 h 29841"/>
                    <a:gd name="connsiteX2" fmla="*/ 14859 w 29651"/>
                    <a:gd name="connsiteY2" fmla="*/ 29842 h 29841"/>
                    <a:gd name="connsiteX3" fmla="*/ 29651 w 29651"/>
                    <a:gd name="connsiteY3" fmla="*/ 14916 h 29841"/>
                    <a:gd name="connsiteX4" fmla="*/ 14859 w 29651"/>
                    <a:gd name="connsiteY4" fmla="*/ 0 h 29841"/>
                    <a:gd name="connsiteX5" fmla="*/ 14859 w 29651"/>
                    <a:gd name="connsiteY5" fmla="*/ 27442 h 29841"/>
                    <a:gd name="connsiteX6" fmla="*/ 2524 w 29651"/>
                    <a:gd name="connsiteY6" fmla="*/ 14916 h 29841"/>
                    <a:gd name="connsiteX7" fmla="*/ 14859 w 29651"/>
                    <a:gd name="connsiteY7" fmla="*/ 2391 h 29841"/>
                    <a:gd name="connsiteX8" fmla="*/ 27184 w 29651"/>
                    <a:gd name="connsiteY8" fmla="*/ 14916 h 29841"/>
                    <a:gd name="connsiteX9" fmla="*/ 14859 w 29651"/>
                    <a:gd name="connsiteY9" fmla="*/ 27442 h 2984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29651" h="29841">
                      <a:moveTo>
                        <a:pt x="14859" y="0"/>
                      </a:moveTo>
                      <a:cubicBezTo>
                        <a:pt x="6668" y="0"/>
                        <a:pt x="0" y="6687"/>
                        <a:pt x="0" y="14916"/>
                      </a:cubicBezTo>
                      <a:cubicBezTo>
                        <a:pt x="0" y="23279"/>
                        <a:pt x="6534" y="29842"/>
                        <a:pt x="14859" y="29842"/>
                      </a:cubicBezTo>
                      <a:cubicBezTo>
                        <a:pt x="23155" y="29842"/>
                        <a:pt x="29651" y="23279"/>
                        <a:pt x="29651" y="14916"/>
                      </a:cubicBezTo>
                      <a:cubicBezTo>
                        <a:pt x="29651" y="6553"/>
                        <a:pt x="23155" y="0"/>
                        <a:pt x="14859" y="0"/>
                      </a:cubicBezTo>
                      <a:close/>
                      <a:moveTo>
                        <a:pt x="14859" y="27442"/>
                      </a:moveTo>
                      <a:cubicBezTo>
                        <a:pt x="7944" y="27442"/>
                        <a:pt x="2524" y="21936"/>
                        <a:pt x="2524" y="14916"/>
                      </a:cubicBezTo>
                      <a:cubicBezTo>
                        <a:pt x="2524" y="8011"/>
                        <a:pt x="8049" y="2391"/>
                        <a:pt x="14859" y="2391"/>
                      </a:cubicBezTo>
                      <a:cubicBezTo>
                        <a:pt x="21660" y="2391"/>
                        <a:pt x="27184" y="8011"/>
                        <a:pt x="27184" y="14916"/>
                      </a:cubicBezTo>
                      <a:cubicBezTo>
                        <a:pt x="27184" y="21936"/>
                        <a:pt x="21774" y="27442"/>
                        <a:pt x="14859" y="27442"/>
                      </a:cubicBezTo>
                      <a:close/>
                    </a:path>
                  </a:pathLst>
                </a:custGeom>
                <a:solidFill>
                  <a:srgbClr val="000000"/>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283" name="Freeform: Shape 282">
                  <a:extLst>
                    <a:ext uri="{FF2B5EF4-FFF2-40B4-BE49-F238E27FC236}">
                      <a16:creationId xmlns:a16="http://schemas.microsoft.com/office/drawing/2014/main" id="{CE7F38B1-2997-83BE-A714-492131996382}"/>
                    </a:ext>
                  </a:extLst>
                </p:cNvPr>
                <p:cNvSpPr/>
                <p:nvPr/>
              </p:nvSpPr>
              <p:spPr>
                <a:xfrm>
                  <a:off x="4264648" y="2991180"/>
                  <a:ext cx="12496" cy="16754"/>
                </a:xfrm>
                <a:custGeom>
                  <a:avLst/>
                  <a:gdLst>
                    <a:gd name="connsiteX0" fmla="*/ 11897 w 12496"/>
                    <a:gd name="connsiteY0" fmla="*/ 4791 h 16754"/>
                    <a:gd name="connsiteX1" fmla="*/ 5915 w 12496"/>
                    <a:gd name="connsiteY1" fmla="*/ 0 h 16754"/>
                    <a:gd name="connsiteX2" fmla="*/ 0 w 12496"/>
                    <a:gd name="connsiteY2" fmla="*/ 0 h 16754"/>
                    <a:gd name="connsiteX3" fmla="*/ 0 w 12496"/>
                    <a:gd name="connsiteY3" fmla="*/ 16754 h 16754"/>
                    <a:gd name="connsiteX4" fmla="*/ 2762 w 12496"/>
                    <a:gd name="connsiteY4" fmla="*/ 16754 h 16754"/>
                    <a:gd name="connsiteX5" fmla="*/ 2762 w 12496"/>
                    <a:gd name="connsiteY5" fmla="*/ 9773 h 16754"/>
                    <a:gd name="connsiteX6" fmla="*/ 5686 w 12496"/>
                    <a:gd name="connsiteY6" fmla="*/ 9773 h 16754"/>
                    <a:gd name="connsiteX7" fmla="*/ 9525 w 12496"/>
                    <a:gd name="connsiteY7" fmla="*/ 16754 h 16754"/>
                    <a:gd name="connsiteX8" fmla="*/ 12497 w 12496"/>
                    <a:gd name="connsiteY8" fmla="*/ 16754 h 16754"/>
                    <a:gd name="connsiteX9" fmla="*/ 8487 w 12496"/>
                    <a:gd name="connsiteY9" fmla="*/ 9373 h 16754"/>
                    <a:gd name="connsiteX10" fmla="*/ 11897 w 12496"/>
                    <a:gd name="connsiteY10" fmla="*/ 4791 h 16754"/>
                    <a:gd name="connsiteX11" fmla="*/ 5791 w 12496"/>
                    <a:gd name="connsiteY11" fmla="*/ 7372 h 16754"/>
                    <a:gd name="connsiteX12" fmla="*/ 2772 w 12496"/>
                    <a:gd name="connsiteY12" fmla="*/ 7372 h 16754"/>
                    <a:gd name="connsiteX13" fmla="*/ 2772 w 12496"/>
                    <a:gd name="connsiteY13" fmla="*/ 2524 h 16754"/>
                    <a:gd name="connsiteX14" fmla="*/ 5725 w 12496"/>
                    <a:gd name="connsiteY14" fmla="*/ 2524 h 16754"/>
                    <a:gd name="connsiteX15" fmla="*/ 9182 w 12496"/>
                    <a:gd name="connsiteY15" fmla="*/ 4848 h 16754"/>
                    <a:gd name="connsiteX16" fmla="*/ 5791 w 12496"/>
                    <a:gd name="connsiteY16" fmla="*/ 7372 h 1675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l="l" t="t" r="r" b="b"/>
                  <a:pathLst>
                    <a:path w="12496" h="16754">
                      <a:moveTo>
                        <a:pt x="11897" y="4791"/>
                      </a:moveTo>
                      <a:cubicBezTo>
                        <a:pt x="11897" y="1743"/>
                        <a:pt x="9716" y="0"/>
                        <a:pt x="5915" y="0"/>
                      </a:cubicBezTo>
                      <a:lnTo>
                        <a:pt x="0" y="0"/>
                      </a:lnTo>
                      <a:lnTo>
                        <a:pt x="0" y="16754"/>
                      </a:lnTo>
                      <a:lnTo>
                        <a:pt x="2762" y="16754"/>
                      </a:lnTo>
                      <a:lnTo>
                        <a:pt x="2762" y="9773"/>
                      </a:lnTo>
                      <a:lnTo>
                        <a:pt x="5686" y="9773"/>
                      </a:lnTo>
                      <a:lnTo>
                        <a:pt x="9525" y="16754"/>
                      </a:lnTo>
                      <a:lnTo>
                        <a:pt x="12497" y="16754"/>
                      </a:lnTo>
                      <a:lnTo>
                        <a:pt x="8487" y="9373"/>
                      </a:lnTo>
                      <a:cubicBezTo>
                        <a:pt x="10763" y="8792"/>
                        <a:pt x="11897" y="7249"/>
                        <a:pt x="11897" y="4791"/>
                      </a:cubicBezTo>
                      <a:close/>
                      <a:moveTo>
                        <a:pt x="5791" y="7372"/>
                      </a:moveTo>
                      <a:lnTo>
                        <a:pt x="2772" y="7372"/>
                      </a:lnTo>
                      <a:lnTo>
                        <a:pt x="2772" y="2524"/>
                      </a:lnTo>
                      <a:lnTo>
                        <a:pt x="5725" y="2524"/>
                      </a:lnTo>
                      <a:cubicBezTo>
                        <a:pt x="8115" y="2524"/>
                        <a:pt x="9182" y="3248"/>
                        <a:pt x="9182" y="4848"/>
                      </a:cubicBezTo>
                      <a:cubicBezTo>
                        <a:pt x="9182" y="6610"/>
                        <a:pt x="8172" y="7372"/>
                        <a:pt x="5791" y="7372"/>
                      </a:cubicBezTo>
                      <a:close/>
                    </a:path>
                  </a:pathLst>
                </a:custGeom>
                <a:solidFill>
                  <a:srgbClr val="000000"/>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grpSp>
          <p:grpSp>
            <p:nvGrpSpPr>
              <p:cNvPr id="262" name="Graphic 43">
                <a:extLst>
                  <a:ext uri="{FF2B5EF4-FFF2-40B4-BE49-F238E27FC236}">
                    <a16:creationId xmlns:a16="http://schemas.microsoft.com/office/drawing/2014/main" id="{E2749537-29E1-FB21-F4FC-5949ABE1478D}"/>
                  </a:ext>
                </a:extLst>
              </p:cNvPr>
              <p:cNvGrpSpPr/>
              <p:nvPr/>
            </p:nvGrpSpPr>
            <p:grpSpPr>
              <a:xfrm>
                <a:off x="3920543" y="2929152"/>
                <a:ext cx="334910" cy="333478"/>
                <a:chOff x="3920543" y="2929152"/>
                <a:chExt cx="334910" cy="333478"/>
              </a:xfrm>
              <a:solidFill>
                <a:srgbClr val="E8171F"/>
              </a:solidFill>
            </p:grpSpPr>
            <p:sp>
              <p:nvSpPr>
                <p:cNvPr id="263" name="Freeform: Shape 262">
                  <a:extLst>
                    <a:ext uri="{FF2B5EF4-FFF2-40B4-BE49-F238E27FC236}">
                      <a16:creationId xmlns:a16="http://schemas.microsoft.com/office/drawing/2014/main" id="{96AFA732-588A-B51D-000A-0A68802E302C}"/>
                    </a:ext>
                  </a:extLst>
                </p:cNvPr>
                <p:cNvSpPr/>
                <p:nvPr/>
              </p:nvSpPr>
              <p:spPr>
                <a:xfrm>
                  <a:off x="3944068" y="2992356"/>
                  <a:ext cx="132719" cy="237533"/>
                </a:xfrm>
                <a:custGeom>
                  <a:avLst/>
                  <a:gdLst>
                    <a:gd name="connsiteX0" fmla="*/ 39136 w 132719"/>
                    <a:gd name="connsiteY0" fmla="*/ 86073 h 237533"/>
                    <a:gd name="connsiteX1" fmla="*/ 120289 w 132719"/>
                    <a:gd name="connsiteY1" fmla="*/ 5921 h 237533"/>
                    <a:gd name="connsiteX2" fmla="*/ 132510 w 132719"/>
                    <a:gd name="connsiteY2" fmla="*/ 634 h 237533"/>
                    <a:gd name="connsiteX3" fmla="*/ 132329 w 132719"/>
                    <a:gd name="connsiteY3" fmla="*/ 6 h 237533"/>
                    <a:gd name="connsiteX4" fmla="*/ 39308 w 132719"/>
                    <a:gd name="connsiteY4" fmla="*/ 237454 h 237533"/>
                    <a:gd name="connsiteX5" fmla="*/ 39793 w 132719"/>
                    <a:gd name="connsiteY5" fmla="*/ 236997 h 237533"/>
                    <a:gd name="connsiteX6" fmla="*/ 39136 w 132719"/>
                    <a:gd name="connsiteY6" fmla="*/ 86073 h 23753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132719" h="237533">
                      <a:moveTo>
                        <a:pt x="39136" y="86073"/>
                      </a:moveTo>
                      <a:cubicBezTo>
                        <a:pt x="56843" y="50774"/>
                        <a:pt x="85961" y="22418"/>
                        <a:pt x="120289" y="5921"/>
                      </a:cubicBezTo>
                      <a:cubicBezTo>
                        <a:pt x="124299" y="3997"/>
                        <a:pt x="128376" y="2234"/>
                        <a:pt x="132510" y="634"/>
                      </a:cubicBezTo>
                      <a:cubicBezTo>
                        <a:pt x="132881" y="491"/>
                        <a:pt x="132719" y="-61"/>
                        <a:pt x="132329" y="6"/>
                      </a:cubicBezTo>
                      <a:cubicBezTo>
                        <a:pt x="10132" y="20570"/>
                        <a:pt x="-42293" y="172446"/>
                        <a:pt x="39308" y="237454"/>
                      </a:cubicBezTo>
                      <a:cubicBezTo>
                        <a:pt x="39612" y="237702"/>
                        <a:pt x="40022" y="237321"/>
                        <a:pt x="39793" y="236997"/>
                      </a:cubicBezTo>
                      <a:cubicBezTo>
                        <a:pt x="27935" y="220747"/>
                        <a:pt x="-21" y="164721"/>
                        <a:pt x="39136" y="86073"/>
                      </a:cubicBezTo>
                      <a:close/>
                    </a:path>
                  </a:pathLst>
                </a:custGeom>
                <a:solidFill>
                  <a:srgbClr val="E8171F"/>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264" name="Freeform: Shape 263">
                  <a:extLst>
                    <a:ext uri="{FF2B5EF4-FFF2-40B4-BE49-F238E27FC236}">
                      <a16:creationId xmlns:a16="http://schemas.microsoft.com/office/drawing/2014/main" id="{26D14EE9-8E42-A9C1-FC3A-824E40BA9E46}"/>
                    </a:ext>
                  </a:extLst>
                </p:cNvPr>
                <p:cNvSpPr/>
                <p:nvPr/>
              </p:nvSpPr>
              <p:spPr>
                <a:xfrm>
                  <a:off x="3983445" y="3002797"/>
                  <a:ext cx="96882" cy="259833"/>
                </a:xfrm>
                <a:custGeom>
                  <a:avLst/>
                  <a:gdLst>
                    <a:gd name="connsiteX0" fmla="*/ 27829 w 96882"/>
                    <a:gd name="connsiteY0" fmla="*/ 176893 h 259833"/>
                    <a:gd name="connsiteX1" fmla="*/ 27858 w 96882"/>
                    <a:gd name="connsiteY1" fmla="*/ 116818 h 259833"/>
                    <a:gd name="connsiteX2" fmla="*/ 80655 w 96882"/>
                    <a:gd name="connsiteY2" fmla="*/ 14548 h 259833"/>
                    <a:gd name="connsiteX3" fmla="*/ 96752 w 96882"/>
                    <a:gd name="connsiteY3" fmla="*/ 594 h 259833"/>
                    <a:gd name="connsiteX4" fmla="*/ 96419 w 96882"/>
                    <a:gd name="connsiteY4" fmla="*/ 32 h 259833"/>
                    <a:gd name="connsiteX5" fmla="*/ 407 w 96882"/>
                    <a:gd name="connsiteY5" fmla="*/ 164739 h 259833"/>
                    <a:gd name="connsiteX6" fmla="*/ 71549 w 96882"/>
                    <a:gd name="connsiteY6" fmla="*/ 259827 h 259833"/>
                    <a:gd name="connsiteX7" fmla="*/ 71797 w 96882"/>
                    <a:gd name="connsiteY7" fmla="*/ 259217 h 259833"/>
                    <a:gd name="connsiteX8" fmla="*/ 27829 w 96882"/>
                    <a:gd name="connsiteY8" fmla="*/ 176893 h 25983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96882" h="259833">
                      <a:moveTo>
                        <a:pt x="27829" y="176893"/>
                      </a:moveTo>
                      <a:cubicBezTo>
                        <a:pt x="24629" y="156852"/>
                        <a:pt x="24676" y="136478"/>
                        <a:pt x="27858" y="116818"/>
                      </a:cubicBezTo>
                      <a:cubicBezTo>
                        <a:pt x="34249" y="77423"/>
                        <a:pt x="53280" y="41314"/>
                        <a:pt x="80655" y="14548"/>
                      </a:cubicBezTo>
                      <a:cubicBezTo>
                        <a:pt x="85732" y="9538"/>
                        <a:pt x="91142" y="4900"/>
                        <a:pt x="96752" y="594"/>
                      </a:cubicBezTo>
                      <a:cubicBezTo>
                        <a:pt x="97057" y="356"/>
                        <a:pt x="96781" y="-130"/>
                        <a:pt x="96419" y="32"/>
                      </a:cubicBezTo>
                      <a:cubicBezTo>
                        <a:pt x="32535" y="28579"/>
                        <a:pt x="-4327" y="99835"/>
                        <a:pt x="407" y="164739"/>
                      </a:cubicBezTo>
                      <a:cubicBezTo>
                        <a:pt x="3007" y="194409"/>
                        <a:pt x="14656" y="249044"/>
                        <a:pt x="71549" y="259827"/>
                      </a:cubicBezTo>
                      <a:cubicBezTo>
                        <a:pt x="71911" y="259893"/>
                        <a:pt x="72101" y="259427"/>
                        <a:pt x="71797" y="259217"/>
                      </a:cubicBezTo>
                      <a:cubicBezTo>
                        <a:pt x="48394" y="243129"/>
                        <a:pt x="31935" y="205496"/>
                        <a:pt x="27829" y="176893"/>
                      </a:cubicBezTo>
                      <a:close/>
                    </a:path>
                  </a:pathLst>
                </a:custGeom>
                <a:solidFill>
                  <a:srgbClr val="E8171F"/>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265" name="Freeform: Shape 264">
                  <a:extLst>
                    <a:ext uri="{FF2B5EF4-FFF2-40B4-BE49-F238E27FC236}">
                      <a16:creationId xmlns:a16="http://schemas.microsoft.com/office/drawing/2014/main" id="{156632D4-4CBA-C355-208A-C21B38D01A94}"/>
                    </a:ext>
                  </a:extLst>
                </p:cNvPr>
                <p:cNvSpPr/>
                <p:nvPr/>
              </p:nvSpPr>
              <p:spPr>
                <a:xfrm>
                  <a:off x="3931718" y="2966285"/>
                  <a:ext cx="145425" cy="67220"/>
                </a:xfrm>
                <a:custGeom>
                  <a:avLst/>
                  <a:gdLst>
                    <a:gd name="connsiteX0" fmla="*/ 603 w 145425"/>
                    <a:gd name="connsiteY0" fmla="*/ 67072 h 67220"/>
                    <a:gd name="connsiteX1" fmla="*/ 145059 w 145425"/>
                    <a:gd name="connsiteY1" fmla="*/ 6589 h 67220"/>
                    <a:gd name="connsiteX2" fmla="*/ 145192 w 145425"/>
                    <a:gd name="connsiteY2" fmla="*/ 5950 h 67220"/>
                    <a:gd name="connsiteX3" fmla="*/ 28235 w 145425"/>
                    <a:gd name="connsiteY3" fmla="*/ 24191 h 67220"/>
                    <a:gd name="connsiteX4" fmla="*/ 31 w 145425"/>
                    <a:gd name="connsiteY4" fmla="*/ 66758 h 67220"/>
                    <a:gd name="connsiteX5" fmla="*/ 603 w 145425"/>
                    <a:gd name="connsiteY5" fmla="*/ 67072 h 672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45425" h="67220">
                      <a:moveTo>
                        <a:pt x="603" y="67072"/>
                      </a:moveTo>
                      <a:cubicBezTo>
                        <a:pt x="29159" y="26734"/>
                        <a:pt x="87795" y="-489"/>
                        <a:pt x="145059" y="6589"/>
                      </a:cubicBezTo>
                      <a:cubicBezTo>
                        <a:pt x="145459" y="6636"/>
                        <a:pt x="145573" y="6065"/>
                        <a:pt x="145192" y="5950"/>
                      </a:cubicBezTo>
                      <a:cubicBezTo>
                        <a:pt x="101482" y="-6823"/>
                        <a:pt x="56019" y="1750"/>
                        <a:pt x="28235" y="24191"/>
                      </a:cubicBezTo>
                      <a:cubicBezTo>
                        <a:pt x="16319" y="33811"/>
                        <a:pt x="7061" y="50423"/>
                        <a:pt x="31" y="66758"/>
                      </a:cubicBezTo>
                      <a:cubicBezTo>
                        <a:pt x="-130" y="67120"/>
                        <a:pt x="374" y="67406"/>
                        <a:pt x="603" y="67072"/>
                      </a:cubicBezTo>
                      <a:close/>
                    </a:path>
                  </a:pathLst>
                </a:custGeom>
                <a:solidFill>
                  <a:srgbClr val="E8171F"/>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266" name="Freeform: Shape 265">
                  <a:extLst>
                    <a:ext uri="{FF2B5EF4-FFF2-40B4-BE49-F238E27FC236}">
                      <a16:creationId xmlns:a16="http://schemas.microsoft.com/office/drawing/2014/main" id="{7E96878B-6489-2EBE-6789-3D21EEF444A7}"/>
                    </a:ext>
                  </a:extLst>
                </p:cNvPr>
                <p:cNvSpPr/>
                <p:nvPr/>
              </p:nvSpPr>
              <p:spPr>
                <a:xfrm>
                  <a:off x="3979841" y="2929152"/>
                  <a:ext cx="275612" cy="332325"/>
                </a:xfrm>
                <a:custGeom>
                  <a:avLst/>
                  <a:gdLst>
                    <a:gd name="connsiteX0" fmla="*/ 275044 w 275612"/>
                    <a:gd name="connsiteY0" fmla="*/ 154554 h 332325"/>
                    <a:gd name="connsiteX1" fmla="*/ 92049 w 275612"/>
                    <a:gd name="connsiteY1" fmla="*/ 687 h 332325"/>
                    <a:gd name="connsiteX2" fmla="*/ 124 w 275612"/>
                    <a:gd name="connsiteY2" fmla="*/ 38492 h 332325"/>
                    <a:gd name="connsiteX3" fmla="*/ 505 w 275612"/>
                    <a:gd name="connsiteY3" fmla="*/ 39045 h 332325"/>
                    <a:gd name="connsiteX4" fmla="*/ 70285 w 275612"/>
                    <a:gd name="connsiteY4" fmla="*/ 28900 h 332325"/>
                    <a:gd name="connsiteX5" fmla="*/ 97869 w 275612"/>
                    <a:gd name="connsiteY5" fmla="*/ 34730 h 332325"/>
                    <a:gd name="connsiteX6" fmla="*/ 123787 w 275612"/>
                    <a:gd name="connsiteY6" fmla="*/ 45464 h 332325"/>
                    <a:gd name="connsiteX7" fmla="*/ 136303 w 275612"/>
                    <a:gd name="connsiteY7" fmla="*/ 52846 h 332325"/>
                    <a:gd name="connsiteX8" fmla="*/ 183337 w 275612"/>
                    <a:gd name="connsiteY8" fmla="*/ 39426 h 332325"/>
                    <a:gd name="connsiteX9" fmla="*/ 183375 w 275612"/>
                    <a:gd name="connsiteY9" fmla="*/ 39416 h 332325"/>
                    <a:gd name="connsiteX10" fmla="*/ 186061 w 275612"/>
                    <a:gd name="connsiteY10" fmla="*/ 40950 h 332325"/>
                    <a:gd name="connsiteX11" fmla="*/ 184309 w 275612"/>
                    <a:gd name="connsiteY11" fmla="*/ 44102 h 332325"/>
                    <a:gd name="connsiteX12" fmla="*/ 158953 w 275612"/>
                    <a:gd name="connsiteY12" fmla="*/ 51513 h 332325"/>
                    <a:gd name="connsiteX13" fmla="*/ 159077 w 275612"/>
                    <a:gd name="connsiteY13" fmla="*/ 52189 h 332325"/>
                    <a:gd name="connsiteX14" fmla="*/ 193700 w 275612"/>
                    <a:gd name="connsiteY14" fmla="*/ 55847 h 332325"/>
                    <a:gd name="connsiteX15" fmla="*/ 193757 w 275612"/>
                    <a:gd name="connsiteY15" fmla="*/ 55856 h 332325"/>
                    <a:gd name="connsiteX16" fmla="*/ 195701 w 275612"/>
                    <a:gd name="connsiteY16" fmla="*/ 57875 h 332325"/>
                    <a:gd name="connsiteX17" fmla="*/ 192986 w 275612"/>
                    <a:gd name="connsiteY17" fmla="*/ 60552 h 332325"/>
                    <a:gd name="connsiteX18" fmla="*/ 162935 w 275612"/>
                    <a:gd name="connsiteY18" fmla="*/ 58780 h 332325"/>
                    <a:gd name="connsiteX19" fmla="*/ 162849 w 275612"/>
                    <a:gd name="connsiteY19" fmla="*/ 59466 h 332325"/>
                    <a:gd name="connsiteX20" fmla="*/ 176708 w 275612"/>
                    <a:gd name="connsiteY20" fmla="*/ 64371 h 332325"/>
                    <a:gd name="connsiteX21" fmla="*/ 201263 w 275612"/>
                    <a:gd name="connsiteY21" fmla="*/ 76868 h 332325"/>
                    <a:gd name="connsiteX22" fmla="*/ 201358 w 275612"/>
                    <a:gd name="connsiteY22" fmla="*/ 76925 h 332325"/>
                    <a:gd name="connsiteX23" fmla="*/ 202482 w 275612"/>
                    <a:gd name="connsiteY23" fmla="*/ 79097 h 332325"/>
                    <a:gd name="connsiteX24" fmla="*/ 198949 w 275612"/>
                    <a:gd name="connsiteY24" fmla="*/ 81012 h 332325"/>
                    <a:gd name="connsiteX25" fmla="*/ 174698 w 275612"/>
                    <a:gd name="connsiteY25" fmla="*/ 70058 h 332325"/>
                    <a:gd name="connsiteX26" fmla="*/ 164020 w 275612"/>
                    <a:gd name="connsiteY26" fmla="*/ 66724 h 332325"/>
                    <a:gd name="connsiteX27" fmla="*/ 163744 w 275612"/>
                    <a:gd name="connsiteY27" fmla="*/ 67362 h 332325"/>
                    <a:gd name="connsiteX28" fmla="*/ 180527 w 275612"/>
                    <a:gd name="connsiteY28" fmla="*/ 79573 h 332325"/>
                    <a:gd name="connsiteX29" fmla="*/ 200044 w 275612"/>
                    <a:gd name="connsiteY29" fmla="*/ 99004 h 332325"/>
                    <a:gd name="connsiteX30" fmla="*/ 200101 w 275612"/>
                    <a:gd name="connsiteY30" fmla="*/ 99071 h 332325"/>
                    <a:gd name="connsiteX31" fmla="*/ 200492 w 275612"/>
                    <a:gd name="connsiteY31" fmla="*/ 101490 h 332325"/>
                    <a:gd name="connsiteX32" fmla="*/ 196520 w 275612"/>
                    <a:gd name="connsiteY32" fmla="*/ 102186 h 332325"/>
                    <a:gd name="connsiteX33" fmla="*/ 177003 w 275612"/>
                    <a:gd name="connsiteY33" fmla="*/ 84107 h 332325"/>
                    <a:gd name="connsiteX34" fmla="*/ 164068 w 275612"/>
                    <a:gd name="connsiteY34" fmla="*/ 75125 h 332325"/>
                    <a:gd name="connsiteX35" fmla="*/ 163630 w 275612"/>
                    <a:gd name="connsiteY35" fmla="*/ 75668 h 332325"/>
                    <a:gd name="connsiteX36" fmla="*/ 167373 w 275612"/>
                    <a:gd name="connsiteY36" fmla="*/ 79764 h 332325"/>
                    <a:gd name="connsiteX37" fmla="*/ 183689 w 275612"/>
                    <a:gd name="connsiteY37" fmla="*/ 102110 h 332325"/>
                    <a:gd name="connsiteX38" fmla="*/ 195615 w 275612"/>
                    <a:gd name="connsiteY38" fmla="*/ 126941 h 332325"/>
                    <a:gd name="connsiteX39" fmla="*/ 195643 w 275612"/>
                    <a:gd name="connsiteY39" fmla="*/ 127008 h 332325"/>
                    <a:gd name="connsiteX40" fmla="*/ 195186 w 275612"/>
                    <a:gd name="connsiteY40" fmla="*/ 129437 h 332325"/>
                    <a:gd name="connsiteX41" fmla="*/ 191195 w 275612"/>
                    <a:gd name="connsiteY41" fmla="*/ 128713 h 332325"/>
                    <a:gd name="connsiteX42" fmla="*/ 179079 w 275612"/>
                    <a:gd name="connsiteY42" fmla="*/ 105024 h 332325"/>
                    <a:gd name="connsiteX43" fmla="*/ 162858 w 275612"/>
                    <a:gd name="connsiteY43" fmla="*/ 83936 h 332325"/>
                    <a:gd name="connsiteX44" fmla="*/ 143094 w 275612"/>
                    <a:gd name="connsiteY44" fmla="*/ 66134 h 332325"/>
                    <a:gd name="connsiteX45" fmla="*/ 136846 w 275612"/>
                    <a:gd name="connsiteY45" fmla="*/ 61762 h 332325"/>
                    <a:gd name="connsiteX46" fmla="*/ 146380 w 275612"/>
                    <a:gd name="connsiteY46" fmla="*/ 331929 h 332325"/>
                    <a:gd name="connsiteX47" fmla="*/ 275044 w 275612"/>
                    <a:gd name="connsiteY47" fmla="*/ 154554 h 33232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Lst>
                  <a:rect l="l" t="t" r="r" b="b"/>
                  <a:pathLst>
                    <a:path w="275612" h="332325">
                      <a:moveTo>
                        <a:pt x="275044" y="154554"/>
                      </a:moveTo>
                      <a:cubicBezTo>
                        <a:pt x="267490" y="62228"/>
                        <a:pt x="184299" y="-7733"/>
                        <a:pt x="92049" y="687"/>
                      </a:cubicBezTo>
                      <a:cubicBezTo>
                        <a:pt x="59988" y="3612"/>
                        <a:pt x="25698" y="16870"/>
                        <a:pt x="124" y="38492"/>
                      </a:cubicBezTo>
                      <a:cubicBezTo>
                        <a:pt x="-191" y="38759"/>
                        <a:pt x="152" y="39245"/>
                        <a:pt x="505" y="39045"/>
                      </a:cubicBezTo>
                      <a:cubicBezTo>
                        <a:pt x="22365" y="26519"/>
                        <a:pt x="52511" y="26833"/>
                        <a:pt x="70285" y="28900"/>
                      </a:cubicBezTo>
                      <a:cubicBezTo>
                        <a:pt x="79648" y="29996"/>
                        <a:pt x="88897" y="31958"/>
                        <a:pt x="97869" y="34730"/>
                      </a:cubicBezTo>
                      <a:cubicBezTo>
                        <a:pt x="106832" y="37521"/>
                        <a:pt x="115519" y="41121"/>
                        <a:pt x="123787" y="45464"/>
                      </a:cubicBezTo>
                      <a:cubicBezTo>
                        <a:pt x="128073" y="47731"/>
                        <a:pt x="132254" y="50198"/>
                        <a:pt x="136303" y="52846"/>
                      </a:cubicBezTo>
                      <a:cubicBezTo>
                        <a:pt x="151390" y="46141"/>
                        <a:pt x="167297" y="41683"/>
                        <a:pt x="183337" y="39426"/>
                      </a:cubicBezTo>
                      <a:lnTo>
                        <a:pt x="183375" y="39416"/>
                      </a:lnTo>
                      <a:cubicBezTo>
                        <a:pt x="184518" y="39254"/>
                        <a:pt x="185680" y="39864"/>
                        <a:pt x="186061" y="40950"/>
                      </a:cubicBezTo>
                      <a:cubicBezTo>
                        <a:pt x="186566" y="42369"/>
                        <a:pt x="185680" y="43817"/>
                        <a:pt x="184309" y="44102"/>
                      </a:cubicBezTo>
                      <a:cubicBezTo>
                        <a:pt x="175688" y="45922"/>
                        <a:pt x="167202" y="48398"/>
                        <a:pt x="158953" y="51513"/>
                      </a:cubicBezTo>
                      <a:cubicBezTo>
                        <a:pt x="158591" y="51646"/>
                        <a:pt x="158686" y="52189"/>
                        <a:pt x="159077" y="52189"/>
                      </a:cubicBezTo>
                      <a:cubicBezTo>
                        <a:pt x="170774" y="52227"/>
                        <a:pt x="182394" y="53475"/>
                        <a:pt x="193700" y="55847"/>
                      </a:cubicBezTo>
                      <a:lnTo>
                        <a:pt x="193757" y="55856"/>
                      </a:lnTo>
                      <a:cubicBezTo>
                        <a:pt x="194758" y="56066"/>
                        <a:pt x="195577" y="56856"/>
                        <a:pt x="195701" y="57875"/>
                      </a:cubicBezTo>
                      <a:cubicBezTo>
                        <a:pt x="195891" y="59552"/>
                        <a:pt x="194472" y="60771"/>
                        <a:pt x="192986" y="60552"/>
                      </a:cubicBezTo>
                      <a:cubicBezTo>
                        <a:pt x="183051" y="59057"/>
                        <a:pt x="172974" y="58456"/>
                        <a:pt x="162935" y="58780"/>
                      </a:cubicBezTo>
                      <a:cubicBezTo>
                        <a:pt x="162534" y="58790"/>
                        <a:pt x="162468" y="59352"/>
                        <a:pt x="162849" y="59466"/>
                      </a:cubicBezTo>
                      <a:cubicBezTo>
                        <a:pt x="167545" y="60904"/>
                        <a:pt x="172174" y="62552"/>
                        <a:pt x="176708" y="64371"/>
                      </a:cubicBezTo>
                      <a:cubicBezTo>
                        <a:pt x="185252" y="67858"/>
                        <a:pt x="193462" y="72068"/>
                        <a:pt x="201263" y="76868"/>
                      </a:cubicBezTo>
                      <a:lnTo>
                        <a:pt x="201358" y="76925"/>
                      </a:lnTo>
                      <a:cubicBezTo>
                        <a:pt x="202101" y="77383"/>
                        <a:pt x="202587" y="78221"/>
                        <a:pt x="202482" y="79097"/>
                      </a:cubicBezTo>
                      <a:cubicBezTo>
                        <a:pt x="202263" y="80983"/>
                        <a:pt x="200358" y="81793"/>
                        <a:pt x="198949" y="81012"/>
                      </a:cubicBezTo>
                      <a:cubicBezTo>
                        <a:pt x="191176" y="76716"/>
                        <a:pt x="183061" y="73030"/>
                        <a:pt x="174698" y="70058"/>
                      </a:cubicBezTo>
                      <a:cubicBezTo>
                        <a:pt x="171174" y="68829"/>
                        <a:pt x="167611" y="67715"/>
                        <a:pt x="164020" y="66724"/>
                      </a:cubicBezTo>
                      <a:cubicBezTo>
                        <a:pt x="163630" y="66619"/>
                        <a:pt x="163401" y="67143"/>
                        <a:pt x="163744" y="67362"/>
                      </a:cubicBezTo>
                      <a:cubicBezTo>
                        <a:pt x="169612" y="71068"/>
                        <a:pt x="175231" y="75135"/>
                        <a:pt x="180527" y="79573"/>
                      </a:cubicBezTo>
                      <a:cubicBezTo>
                        <a:pt x="187595" y="85498"/>
                        <a:pt x="194129" y="92004"/>
                        <a:pt x="200044" y="99004"/>
                      </a:cubicBezTo>
                      <a:lnTo>
                        <a:pt x="200101" y="99071"/>
                      </a:lnTo>
                      <a:cubicBezTo>
                        <a:pt x="200673" y="99747"/>
                        <a:pt x="200863" y="100690"/>
                        <a:pt x="200492" y="101490"/>
                      </a:cubicBezTo>
                      <a:cubicBezTo>
                        <a:pt x="199691" y="103224"/>
                        <a:pt x="197615" y="103386"/>
                        <a:pt x="196520" y="102186"/>
                      </a:cubicBezTo>
                      <a:cubicBezTo>
                        <a:pt x="190547" y="95613"/>
                        <a:pt x="184004" y="89565"/>
                        <a:pt x="177003" y="84107"/>
                      </a:cubicBezTo>
                      <a:cubicBezTo>
                        <a:pt x="172860" y="80878"/>
                        <a:pt x="168535" y="77887"/>
                        <a:pt x="164068" y="75125"/>
                      </a:cubicBezTo>
                      <a:cubicBezTo>
                        <a:pt x="163716" y="74906"/>
                        <a:pt x="163344" y="75363"/>
                        <a:pt x="163630" y="75668"/>
                      </a:cubicBezTo>
                      <a:cubicBezTo>
                        <a:pt x="164906" y="77011"/>
                        <a:pt x="166154" y="78373"/>
                        <a:pt x="167373" y="79764"/>
                      </a:cubicBezTo>
                      <a:cubicBezTo>
                        <a:pt x="173479" y="86717"/>
                        <a:pt x="178956" y="94204"/>
                        <a:pt x="183689" y="102110"/>
                      </a:cubicBezTo>
                      <a:cubicBezTo>
                        <a:pt x="188414" y="110025"/>
                        <a:pt x="192414" y="118340"/>
                        <a:pt x="195615" y="126941"/>
                      </a:cubicBezTo>
                      <a:lnTo>
                        <a:pt x="195643" y="127008"/>
                      </a:lnTo>
                      <a:cubicBezTo>
                        <a:pt x="195948" y="127837"/>
                        <a:pt x="195815" y="128808"/>
                        <a:pt x="195186" y="129437"/>
                      </a:cubicBezTo>
                      <a:cubicBezTo>
                        <a:pt x="193834" y="130799"/>
                        <a:pt x="191814" y="130237"/>
                        <a:pt x="191195" y="128713"/>
                      </a:cubicBezTo>
                      <a:cubicBezTo>
                        <a:pt x="187890" y="120474"/>
                        <a:pt x="183823" y="112539"/>
                        <a:pt x="179079" y="105024"/>
                      </a:cubicBezTo>
                      <a:cubicBezTo>
                        <a:pt x="174336" y="97518"/>
                        <a:pt x="168888" y="90460"/>
                        <a:pt x="162858" y="83936"/>
                      </a:cubicBezTo>
                      <a:cubicBezTo>
                        <a:pt x="156829" y="77421"/>
                        <a:pt x="150190" y="71458"/>
                        <a:pt x="143094" y="66134"/>
                      </a:cubicBezTo>
                      <a:cubicBezTo>
                        <a:pt x="141084" y="64638"/>
                        <a:pt x="138046" y="62533"/>
                        <a:pt x="136846" y="61762"/>
                      </a:cubicBezTo>
                      <a:cubicBezTo>
                        <a:pt x="-2010" y="139181"/>
                        <a:pt x="46177" y="342492"/>
                        <a:pt x="146380" y="331929"/>
                      </a:cubicBezTo>
                      <a:cubicBezTo>
                        <a:pt x="225990" y="313060"/>
                        <a:pt x="281902" y="238403"/>
                        <a:pt x="275044" y="154554"/>
                      </a:cubicBezTo>
                      <a:close/>
                    </a:path>
                  </a:pathLst>
                </a:custGeom>
                <a:solidFill>
                  <a:srgbClr val="E8171F"/>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267" name="Freeform: Shape 266">
                  <a:extLst>
                    <a:ext uri="{FF2B5EF4-FFF2-40B4-BE49-F238E27FC236}">
                      <a16:creationId xmlns:a16="http://schemas.microsoft.com/office/drawing/2014/main" id="{4328EB33-2C4F-6941-376F-F9FCBDD3B8BF}"/>
                    </a:ext>
                  </a:extLst>
                </p:cNvPr>
                <p:cNvSpPr/>
                <p:nvPr/>
              </p:nvSpPr>
              <p:spPr>
                <a:xfrm>
                  <a:off x="3920543" y="2981289"/>
                  <a:ext cx="155148" cy="174382"/>
                </a:xfrm>
                <a:custGeom>
                  <a:avLst/>
                  <a:gdLst>
                    <a:gd name="connsiteX0" fmla="*/ 32838 w 155148"/>
                    <a:gd name="connsiteY0" fmla="*/ 77052 h 174382"/>
                    <a:gd name="connsiteX1" fmla="*/ 154853 w 155148"/>
                    <a:gd name="connsiteY1" fmla="*/ 1166 h 174382"/>
                    <a:gd name="connsiteX2" fmla="*/ 154844 w 155148"/>
                    <a:gd name="connsiteY2" fmla="*/ 509 h 174382"/>
                    <a:gd name="connsiteX3" fmla="*/ 110524 w 155148"/>
                    <a:gd name="connsiteY3" fmla="*/ 3786 h 174382"/>
                    <a:gd name="connsiteX4" fmla="*/ 61622 w 155148"/>
                    <a:gd name="connsiteY4" fmla="*/ 24236 h 174382"/>
                    <a:gd name="connsiteX5" fmla="*/ 22789 w 155148"/>
                    <a:gd name="connsiteY5" fmla="*/ 60298 h 174382"/>
                    <a:gd name="connsiteX6" fmla="*/ 22465 w 155148"/>
                    <a:gd name="connsiteY6" fmla="*/ 60726 h 174382"/>
                    <a:gd name="connsiteX7" fmla="*/ 3415 w 155148"/>
                    <a:gd name="connsiteY7" fmla="*/ 157348 h 174382"/>
                    <a:gd name="connsiteX8" fmla="*/ 8721 w 155148"/>
                    <a:gd name="connsiteY8" fmla="*/ 174159 h 174382"/>
                    <a:gd name="connsiteX9" fmla="*/ 9368 w 155148"/>
                    <a:gd name="connsiteY9" fmla="*/ 174017 h 174382"/>
                    <a:gd name="connsiteX10" fmla="*/ 32838 w 155148"/>
                    <a:gd name="connsiteY10" fmla="*/ 77052 h 17438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l="l" t="t" r="r" b="b"/>
                  <a:pathLst>
                    <a:path w="155148" h="174382">
                      <a:moveTo>
                        <a:pt x="32838" y="77052"/>
                      </a:moveTo>
                      <a:cubicBezTo>
                        <a:pt x="64861" y="26293"/>
                        <a:pt x="120668" y="4443"/>
                        <a:pt x="154853" y="1166"/>
                      </a:cubicBezTo>
                      <a:cubicBezTo>
                        <a:pt x="155253" y="1128"/>
                        <a:pt x="155244" y="538"/>
                        <a:pt x="154844" y="509"/>
                      </a:cubicBezTo>
                      <a:cubicBezTo>
                        <a:pt x="140718" y="-710"/>
                        <a:pt x="127650" y="214"/>
                        <a:pt x="110524" y="3786"/>
                      </a:cubicBezTo>
                      <a:cubicBezTo>
                        <a:pt x="93217" y="7748"/>
                        <a:pt x="76539" y="14578"/>
                        <a:pt x="61622" y="24236"/>
                      </a:cubicBezTo>
                      <a:cubicBezTo>
                        <a:pt x="46668" y="33818"/>
                        <a:pt x="33486" y="46124"/>
                        <a:pt x="22789" y="60298"/>
                      </a:cubicBezTo>
                      <a:cubicBezTo>
                        <a:pt x="22684" y="60440"/>
                        <a:pt x="22579" y="60583"/>
                        <a:pt x="22465" y="60726"/>
                      </a:cubicBezTo>
                      <a:cubicBezTo>
                        <a:pt x="1843" y="88358"/>
                        <a:pt x="-4776" y="123858"/>
                        <a:pt x="3415" y="157348"/>
                      </a:cubicBezTo>
                      <a:cubicBezTo>
                        <a:pt x="4349" y="161186"/>
                        <a:pt x="6958" y="169121"/>
                        <a:pt x="8721" y="174159"/>
                      </a:cubicBezTo>
                      <a:cubicBezTo>
                        <a:pt x="8854" y="174531"/>
                        <a:pt x="9406" y="174407"/>
                        <a:pt x="9368" y="174017"/>
                      </a:cubicBezTo>
                      <a:cubicBezTo>
                        <a:pt x="5111" y="134354"/>
                        <a:pt x="16645" y="102731"/>
                        <a:pt x="32838" y="77052"/>
                      </a:cubicBezTo>
                      <a:close/>
                    </a:path>
                  </a:pathLst>
                </a:custGeom>
                <a:solidFill>
                  <a:srgbClr val="E8171F"/>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grpSp>
        </p:grpSp>
        <p:grpSp>
          <p:nvGrpSpPr>
            <p:cNvPr id="240" name="Group 239">
              <a:extLst>
                <a:ext uri="{FF2B5EF4-FFF2-40B4-BE49-F238E27FC236}">
                  <a16:creationId xmlns:a16="http://schemas.microsoft.com/office/drawing/2014/main" id="{5A640438-8BC7-133E-F1B5-BD915F272D2F}"/>
                </a:ext>
              </a:extLst>
            </p:cNvPr>
            <p:cNvGrpSpPr/>
            <p:nvPr/>
          </p:nvGrpSpPr>
          <p:grpSpPr>
            <a:xfrm>
              <a:off x="9047606" y="3056608"/>
              <a:ext cx="1064088" cy="225135"/>
              <a:chOff x="8994402" y="3258711"/>
              <a:chExt cx="1170497" cy="247648"/>
            </a:xfrm>
          </p:grpSpPr>
          <p:sp>
            <p:nvSpPr>
              <p:cNvPr id="254" name="Freeform: Shape 253">
                <a:extLst>
                  <a:ext uri="{FF2B5EF4-FFF2-40B4-BE49-F238E27FC236}">
                    <a16:creationId xmlns:a16="http://schemas.microsoft.com/office/drawing/2014/main" id="{36589076-C9C5-6C12-30AB-0303A763FB21}"/>
                  </a:ext>
                </a:extLst>
              </p:cNvPr>
              <p:cNvSpPr/>
              <p:nvPr/>
            </p:nvSpPr>
            <p:spPr>
              <a:xfrm>
                <a:off x="9302615" y="3337375"/>
                <a:ext cx="175053" cy="168984"/>
              </a:xfrm>
              <a:custGeom>
                <a:avLst/>
                <a:gdLst>
                  <a:gd name="connsiteX0" fmla="*/ 96123 w 175053"/>
                  <a:gd name="connsiteY0" fmla="*/ 157973 h 168984"/>
                  <a:gd name="connsiteX1" fmla="*/ 31592 w 175053"/>
                  <a:gd name="connsiteY1" fmla="*/ 84984 h 168984"/>
                  <a:gd name="connsiteX2" fmla="*/ 79529 w 175053"/>
                  <a:gd name="connsiteY2" fmla="*/ 11011 h 168984"/>
                  <a:gd name="connsiteX3" fmla="*/ 143499 w 175053"/>
                  <a:gd name="connsiteY3" fmla="*/ 84333 h 168984"/>
                  <a:gd name="connsiteX4" fmla="*/ 96123 w 175053"/>
                  <a:gd name="connsiteY4" fmla="*/ 157973 h 168984"/>
                  <a:gd name="connsiteX5" fmla="*/ 0 w 175053"/>
                  <a:gd name="connsiteY5" fmla="*/ 85955 h 168984"/>
                  <a:gd name="connsiteX6" fmla="*/ 88213 w 175053"/>
                  <a:gd name="connsiteY6" fmla="*/ 168984 h 168984"/>
                  <a:gd name="connsiteX7" fmla="*/ 175053 w 175053"/>
                  <a:gd name="connsiteY7" fmla="*/ 83795 h 168984"/>
                  <a:gd name="connsiteX8" fmla="*/ 88213 w 175053"/>
                  <a:gd name="connsiteY8" fmla="*/ 0 h 168984"/>
                  <a:gd name="connsiteX9" fmla="*/ 0 w 175053"/>
                  <a:gd name="connsiteY9" fmla="*/ 85955 h 16898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75053" h="168984">
                    <a:moveTo>
                      <a:pt x="96123" y="157973"/>
                    </a:moveTo>
                    <a:cubicBezTo>
                      <a:pt x="54874" y="161600"/>
                      <a:pt x="34736" y="122564"/>
                      <a:pt x="31592" y="84984"/>
                    </a:cubicBezTo>
                    <a:cubicBezTo>
                      <a:pt x="27300" y="33582"/>
                      <a:pt x="53876" y="13272"/>
                      <a:pt x="79529" y="11011"/>
                    </a:cubicBezTo>
                    <a:cubicBezTo>
                      <a:pt x="118744" y="7588"/>
                      <a:pt x="140242" y="45347"/>
                      <a:pt x="143499" y="84333"/>
                    </a:cubicBezTo>
                    <a:cubicBezTo>
                      <a:pt x="147641" y="134303"/>
                      <a:pt x="123149" y="155571"/>
                      <a:pt x="96123" y="157973"/>
                    </a:cubicBezTo>
                    <a:close/>
                    <a:moveTo>
                      <a:pt x="0" y="85955"/>
                    </a:moveTo>
                    <a:cubicBezTo>
                      <a:pt x="0" y="132068"/>
                      <a:pt x="32852" y="168984"/>
                      <a:pt x="88213" y="168984"/>
                    </a:cubicBezTo>
                    <a:cubicBezTo>
                      <a:pt x="138545" y="168984"/>
                      <a:pt x="175053" y="133141"/>
                      <a:pt x="175053" y="83795"/>
                    </a:cubicBezTo>
                    <a:cubicBezTo>
                      <a:pt x="175053" y="39062"/>
                      <a:pt x="145733" y="0"/>
                      <a:pt x="88213" y="0"/>
                    </a:cubicBezTo>
                    <a:cubicBezTo>
                      <a:pt x="36396" y="0"/>
                      <a:pt x="0" y="37337"/>
                      <a:pt x="0" y="85955"/>
                    </a:cubicBezTo>
                    <a:close/>
                  </a:path>
                </a:pathLst>
              </a:custGeom>
              <a:solidFill>
                <a:srgbClr val="0028A0"/>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255" name="Freeform: Shape 254">
                <a:extLst>
                  <a:ext uri="{FF2B5EF4-FFF2-40B4-BE49-F238E27FC236}">
                    <a16:creationId xmlns:a16="http://schemas.microsoft.com/office/drawing/2014/main" id="{3B675260-ED08-65FC-288F-340DF63458F1}"/>
                  </a:ext>
                </a:extLst>
              </p:cNvPr>
              <p:cNvSpPr/>
              <p:nvPr/>
            </p:nvSpPr>
            <p:spPr>
              <a:xfrm>
                <a:off x="10029965" y="3259659"/>
                <a:ext cx="45075" cy="84868"/>
              </a:xfrm>
              <a:custGeom>
                <a:avLst/>
                <a:gdLst>
                  <a:gd name="connsiteX0" fmla="*/ 45076 w 45075"/>
                  <a:gd name="connsiteY0" fmla="*/ 35089 h 84868"/>
                  <a:gd name="connsiteX1" fmla="*/ 17539 w 45075"/>
                  <a:gd name="connsiteY1" fmla="*/ 0 h 84868"/>
                  <a:gd name="connsiteX2" fmla="*/ 423 w 45075"/>
                  <a:gd name="connsiteY2" fmla="*/ 15060 h 84868"/>
                  <a:gd name="connsiteX3" fmla="*/ 10024 w 45075"/>
                  <a:gd name="connsiteY3" fmla="*/ 25279 h 84868"/>
                  <a:gd name="connsiteX4" fmla="*/ 27893 w 45075"/>
                  <a:gd name="connsiteY4" fmla="*/ 45781 h 84868"/>
                  <a:gd name="connsiteX5" fmla="*/ 766 w 45075"/>
                  <a:gd name="connsiteY5" fmla="*/ 77192 h 84868"/>
                  <a:gd name="connsiteX6" fmla="*/ 3280 w 45075"/>
                  <a:gd name="connsiteY6" fmla="*/ 84869 h 84868"/>
                  <a:gd name="connsiteX7" fmla="*/ 45076 w 45075"/>
                  <a:gd name="connsiteY7" fmla="*/ 35089 h 848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45075" h="84868">
                    <a:moveTo>
                      <a:pt x="45076" y="35089"/>
                    </a:moveTo>
                    <a:cubicBezTo>
                      <a:pt x="45076" y="16082"/>
                      <a:pt x="32284" y="0"/>
                      <a:pt x="17539" y="0"/>
                    </a:cubicBezTo>
                    <a:cubicBezTo>
                      <a:pt x="3680" y="0"/>
                      <a:pt x="423" y="9491"/>
                      <a:pt x="423" y="15060"/>
                    </a:cubicBezTo>
                    <a:cubicBezTo>
                      <a:pt x="423" y="21894"/>
                      <a:pt x="5138" y="24896"/>
                      <a:pt x="10024" y="25279"/>
                    </a:cubicBezTo>
                    <a:cubicBezTo>
                      <a:pt x="16882" y="25688"/>
                      <a:pt x="27893" y="31845"/>
                      <a:pt x="27893" y="45781"/>
                    </a:cubicBezTo>
                    <a:cubicBezTo>
                      <a:pt x="27893" y="60726"/>
                      <a:pt x="14034" y="70996"/>
                      <a:pt x="766" y="77192"/>
                    </a:cubicBezTo>
                    <a:cubicBezTo>
                      <a:pt x="-977" y="79734"/>
                      <a:pt x="423" y="83464"/>
                      <a:pt x="3280" y="84869"/>
                    </a:cubicBezTo>
                    <a:cubicBezTo>
                      <a:pt x="25750" y="77971"/>
                      <a:pt x="45076" y="60330"/>
                      <a:pt x="45076" y="35089"/>
                    </a:cubicBezTo>
                    <a:close/>
                  </a:path>
                </a:pathLst>
              </a:custGeom>
              <a:solidFill>
                <a:srgbClr val="0028A0"/>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256" name="Freeform: Shape 255">
                <a:extLst>
                  <a:ext uri="{FF2B5EF4-FFF2-40B4-BE49-F238E27FC236}">
                    <a16:creationId xmlns:a16="http://schemas.microsoft.com/office/drawing/2014/main" id="{EB20853A-D86A-6C89-9C38-72AC8BF57CC3}"/>
                  </a:ext>
                </a:extLst>
              </p:cNvPr>
              <p:cNvSpPr/>
              <p:nvPr/>
            </p:nvSpPr>
            <p:spPr>
              <a:xfrm>
                <a:off x="10058077" y="3337366"/>
                <a:ext cx="106822" cy="168983"/>
              </a:xfrm>
              <a:custGeom>
                <a:avLst/>
                <a:gdLst>
                  <a:gd name="connsiteX0" fmla="*/ 77810 w 106822"/>
                  <a:gd name="connsiteY0" fmla="*/ 76055 h 168983"/>
                  <a:gd name="connsiteX1" fmla="*/ 55683 w 106822"/>
                  <a:gd name="connsiteY1" fmla="*/ 64341 h 168983"/>
                  <a:gd name="connsiteX2" fmla="*/ 31880 w 106822"/>
                  <a:gd name="connsiteY2" fmla="*/ 35562 h 168983"/>
                  <a:gd name="connsiteX3" fmla="*/ 60722 w 106822"/>
                  <a:gd name="connsiteY3" fmla="*/ 10564 h 168983"/>
                  <a:gd name="connsiteX4" fmla="*/ 94050 w 106822"/>
                  <a:gd name="connsiteY4" fmla="*/ 42051 h 168983"/>
                  <a:gd name="connsiteX5" fmla="*/ 103356 w 106822"/>
                  <a:gd name="connsiteY5" fmla="*/ 41349 h 168983"/>
                  <a:gd name="connsiteX6" fmla="*/ 98231 w 106822"/>
                  <a:gd name="connsiteY6" fmla="*/ 5467 h 168983"/>
                  <a:gd name="connsiteX7" fmla="*/ 64970 w 106822"/>
                  <a:gd name="connsiteY7" fmla="*/ 0 h 168983"/>
                  <a:gd name="connsiteX8" fmla="*/ 8820 w 106822"/>
                  <a:gd name="connsiteY8" fmla="*/ 45347 h 168983"/>
                  <a:gd name="connsiteX9" fmla="*/ 40719 w 106822"/>
                  <a:gd name="connsiteY9" fmla="*/ 89199 h 168983"/>
                  <a:gd name="connsiteX10" fmla="*/ 56759 w 106822"/>
                  <a:gd name="connsiteY10" fmla="*/ 97668 h 168983"/>
                  <a:gd name="connsiteX11" fmla="*/ 81810 w 106822"/>
                  <a:gd name="connsiteY11" fmla="*/ 132068 h 168983"/>
                  <a:gd name="connsiteX12" fmla="*/ 51816 w 106822"/>
                  <a:gd name="connsiteY12" fmla="*/ 158433 h 168983"/>
                  <a:gd name="connsiteX13" fmla="*/ 9277 w 106822"/>
                  <a:gd name="connsiteY13" fmla="*/ 119256 h 168983"/>
                  <a:gd name="connsiteX14" fmla="*/ 0 w 106822"/>
                  <a:gd name="connsiteY14" fmla="*/ 120047 h 168983"/>
                  <a:gd name="connsiteX15" fmla="*/ 7506 w 106822"/>
                  <a:gd name="connsiteY15" fmla="*/ 157654 h 168983"/>
                  <a:gd name="connsiteX16" fmla="*/ 48558 w 106822"/>
                  <a:gd name="connsiteY16" fmla="*/ 168984 h 168983"/>
                  <a:gd name="connsiteX17" fmla="*/ 106823 w 106822"/>
                  <a:gd name="connsiteY17" fmla="*/ 122564 h 168983"/>
                  <a:gd name="connsiteX18" fmla="*/ 77810 w 106822"/>
                  <a:gd name="connsiteY18" fmla="*/ 76055 h 16898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Lst>
                <a:rect l="l" t="t" r="r" b="b"/>
                <a:pathLst>
                  <a:path w="106822" h="168983">
                    <a:moveTo>
                      <a:pt x="77810" y="76055"/>
                    </a:moveTo>
                    <a:lnTo>
                      <a:pt x="55683" y="64341"/>
                    </a:lnTo>
                    <a:cubicBezTo>
                      <a:pt x="41396" y="56664"/>
                      <a:pt x="31880" y="48592"/>
                      <a:pt x="31880" y="35562"/>
                    </a:cubicBezTo>
                    <a:cubicBezTo>
                      <a:pt x="31880" y="23095"/>
                      <a:pt x="39662" y="10564"/>
                      <a:pt x="60722" y="10564"/>
                    </a:cubicBezTo>
                    <a:cubicBezTo>
                      <a:pt x="81810" y="10564"/>
                      <a:pt x="91069" y="29265"/>
                      <a:pt x="94050" y="42051"/>
                    </a:cubicBezTo>
                    <a:cubicBezTo>
                      <a:pt x="95726" y="44581"/>
                      <a:pt x="102146" y="44210"/>
                      <a:pt x="103356" y="41349"/>
                    </a:cubicBezTo>
                    <a:cubicBezTo>
                      <a:pt x="103575" y="25624"/>
                      <a:pt x="101089" y="11675"/>
                      <a:pt x="98231" y="5467"/>
                    </a:cubicBezTo>
                    <a:cubicBezTo>
                      <a:pt x="86125" y="3334"/>
                      <a:pt x="77514" y="0"/>
                      <a:pt x="64970" y="0"/>
                    </a:cubicBezTo>
                    <a:cubicBezTo>
                      <a:pt x="29004" y="0"/>
                      <a:pt x="8820" y="18624"/>
                      <a:pt x="8820" y="45347"/>
                    </a:cubicBezTo>
                    <a:cubicBezTo>
                      <a:pt x="8820" y="65849"/>
                      <a:pt x="23565" y="80104"/>
                      <a:pt x="40719" y="89199"/>
                    </a:cubicBezTo>
                    <a:lnTo>
                      <a:pt x="56759" y="97668"/>
                    </a:lnTo>
                    <a:cubicBezTo>
                      <a:pt x="77181" y="108271"/>
                      <a:pt x="81810" y="120354"/>
                      <a:pt x="81810" y="132068"/>
                    </a:cubicBezTo>
                    <a:cubicBezTo>
                      <a:pt x="81810" y="148865"/>
                      <a:pt x="70047" y="158433"/>
                      <a:pt x="51816" y="158433"/>
                    </a:cubicBezTo>
                    <a:cubicBezTo>
                      <a:pt x="27861" y="158433"/>
                      <a:pt x="12192" y="132464"/>
                      <a:pt x="9277" y="119256"/>
                    </a:cubicBezTo>
                    <a:cubicBezTo>
                      <a:pt x="6753" y="115922"/>
                      <a:pt x="1419" y="116293"/>
                      <a:pt x="0" y="120047"/>
                    </a:cubicBezTo>
                    <a:cubicBezTo>
                      <a:pt x="0" y="139387"/>
                      <a:pt x="4258" y="152569"/>
                      <a:pt x="7506" y="157654"/>
                    </a:cubicBezTo>
                    <a:cubicBezTo>
                      <a:pt x="12497" y="161269"/>
                      <a:pt x="26851" y="168984"/>
                      <a:pt x="48558" y="168984"/>
                    </a:cubicBezTo>
                    <a:cubicBezTo>
                      <a:pt x="83953" y="168984"/>
                      <a:pt x="106823" y="151075"/>
                      <a:pt x="106823" y="122564"/>
                    </a:cubicBezTo>
                    <a:cubicBezTo>
                      <a:pt x="106823" y="98039"/>
                      <a:pt x="90707" y="82646"/>
                      <a:pt x="77810" y="76055"/>
                    </a:cubicBezTo>
                    <a:close/>
                  </a:path>
                </a:pathLst>
              </a:custGeom>
              <a:solidFill>
                <a:srgbClr val="0028A0"/>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257" name="Freeform: Shape 256">
                <a:extLst>
                  <a:ext uri="{FF2B5EF4-FFF2-40B4-BE49-F238E27FC236}">
                    <a16:creationId xmlns:a16="http://schemas.microsoft.com/office/drawing/2014/main" id="{199943A7-50B2-2A7E-BC41-2DC0C7694F45}"/>
                  </a:ext>
                </a:extLst>
              </p:cNvPr>
              <p:cNvSpPr/>
              <p:nvPr/>
            </p:nvSpPr>
            <p:spPr>
              <a:xfrm>
                <a:off x="9679987" y="3341431"/>
                <a:ext cx="178928" cy="161664"/>
              </a:xfrm>
              <a:custGeom>
                <a:avLst/>
                <a:gdLst>
                  <a:gd name="connsiteX0" fmla="*/ 83229 w 178928"/>
                  <a:gd name="connsiteY0" fmla="*/ 151024 h 161664"/>
                  <a:gd name="connsiteX1" fmla="*/ 52448 w 178928"/>
                  <a:gd name="connsiteY1" fmla="*/ 115985 h 161664"/>
                  <a:gd name="connsiteX2" fmla="*/ 52448 w 178928"/>
                  <a:gd name="connsiteY2" fmla="*/ 28856 h 161664"/>
                  <a:gd name="connsiteX3" fmla="*/ 54508 w 178928"/>
                  <a:gd name="connsiteY3" fmla="*/ 14562 h 161664"/>
                  <a:gd name="connsiteX4" fmla="*/ 76055 w 178928"/>
                  <a:gd name="connsiteY4" fmla="*/ 10602 h 161664"/>
                  <a:gd name="connsiteX5" fmla="*/ 147074 w 178928"/>
                  <a:gd name="connsiteY5" fmla="*/ 78993 h 161664"/>
                  <a:gd name="connsiteX6" fmla="*/ 83229 w 178928"/>
                  <a:gd name="connsiteY6" fmla="*/ 151024 h 161664"/>
                  <a:gd name="connsiteX7" fmla="*/ 129607 w 178928"/>
                  <a:gd name="connsiteY7" fmla="*/ 8047 h 161664"/>
                  <a:gd name="connsiteX8" fmla="*/ 75282 w 178928"/>
                  <a:gd name="connsiteY8" fmla="*/ 0 h 161664"/>
                  <a:gd name="connsiteX9" fmla="*/ 6321 w 178928"/>
                  <a:gd name="connsiteY9" fmla="*/ 2146 h 161664"/>
                  <a:gd name="connsiteX10" fmla="*/ 5934 w 178928"/>
                  <a:gd name="connsiteY10" fmla="*/ 11318 h 161664"/>
                  <a:gd name="connsiteX11" fmla="*/ 16639 w 178928"/>
                  <a:gd name="connsiteY11" fmla="*/ 12761 h 161664"/>
                  <a:gd name="connsiteX12" fmla="*/ 25236 w 178928"/>
                  <a:gd name="connsiteY12" fmla="*/ 43839 h 161664"/>
                  <a:gd name="connsiteX13" fmla="*/ 25236 w 178928"/>
                  <a:gd name="connsiteY13" fmla="*/ 121466 h 161664"/>
                  <a:gd name="connsiteX14" fmla="*/ 8454 w 178928"/>
                  <a:gd name="connsiteY14" fmla="*/ 150653 h 161664"/>
                  <a:gd name="connsiteX15" fmla="*/ 1642 w 178928"/>
                  <a:gd name="connsiteY15" fmla="*/ 151739 h 161664"/>
                  <a:gd name="connsiteX16" fmla="*/ 2328 w 178928"/>
                  <a:gd name="connsiteY16" fmla="*/ 160885 h 161664"/>
                  <a:gd name="connsiteX17" fmla="*/ 38873 w 178928"/>
                  <a:gd name="connsiteY17" fmla="*/ 159851 h 161664"/>
                  <a:gd name="connsiteX18" fmla="*/ 58076 w 178928"/>
                  <a:gd name="connsiteY18" fmla="*/ 160553 h 161664"/>
                  <a:gd name="connsiteX19" fmla="*/ 81770 w 178928"/>
                  <a:gd name="connsiteY19" fmla="*/ 161664 h 161664"/>
                  <a:gd name="connsiteX20" fmla="*/ 135696 w 178928"/>
                  <a:gd name="connsiteY20" fmla="*/ 150283 h 161664"/>
                  <a:gd name="connsiteX21" fmla="*/ 178929 w 178928"/>
                  <a:gd name="connsiteY21" fmla="*/ 79734 h 161664"/>
                  <a:gd name="connsiteX22" fmla="*/ 129607 w 178928"/>
                  <a:gd name="connsiteY22" fmla="*/ 8047 h 16166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l="l" t="t" r="r" b="b"/>
                <a:pathLst>
                  <a:path w="178928" h="161664">
                    <a:moveTo>
                      <a:pt x="83229" y="151024"/>
                    </a:moveTo>
                    <a:cubicBezTo>
                      <a:pt x="55942" y="151024"/>
                      <a:pt x="52448" y="139298"/>
                      <a:pt x="52448" y="115985"/>
                    </a:cubicBezTo>
                    <a:lnTo>
                      <a:pt x="52448" y="28856"/>
                    </a:lnTo>
                    <a:cubicBezTo>
                      <a:pt x="52448" y="20745"/>
                      <a:pt x="52448" y="16082"/>
                      <a:pt x="54508" y="14562"/>
                    </a:cubicBezTo>
                    <a:cubicBezTo>
                      <a:pt x="57427" y="12084"/>
                      <a:pt x="64227" y="10602"/>
                      <a:pt x="76055" y="10602"/>
                    </a:cubicBezTo>
                    <a:cubicBezTo>
                      <a:pt x="116369" y="10602"/>
                      <a:pt x="147074" y="34017"/>
                      <a:pt x="147074" y="78993"/>
                    </a:cubicBezTo>
                    <a:cubicBezTo>
                      <a:pt x="147074" y="123560"/>
                      <a:pt x="126038" y="151024"/>
                      <a:pt x="83229" y="151024"/>
                    </a:cubicBezTo>
                    <a:close/>
                    <a:moveTo>
                      <a:pt x="129607" y="8047"/>
                    </a:moveTo>
                    <a:cubicBezTo>
                      <a:pt x="112825" y="2146"/>
                      <a:pt x="95282" y="0"/>
                      <a:pt x="75282" y="0"/>
                    </a:cubicBezTo>
                    <a:cubicBezTo>
                      <a:pt x="46409" y="0"/>
                      <a:pt x="26346" y="715"/>
                      <a:pt x="6321" y="2146"/>
                    </a:cubicBezTo>
                    <a:cubicBezTo>
                      <a:pt x="3139" y="3232"/>
                      <a:pt x="2740" y="10206"/>
                      <a:pt x="5934" y="11318"/>
                    </a:cubicBezTo>
                    <a:lnTo>
                      <a:pt x="16639" y="12761"/>
                    </a:lnTo>
                    <a:cubicBezTo>
                      <a:pt x="24912" y="13834"/>
                      <a:pt x="25236" y="20068"/>
                      <a:pt x="25236" y="43839"/>
                    </a:cubicBezTo>
                    <a:lnTo>
                      <a:pt x="25236" y="121466"/>
                    </a:lnTo>
                    <a:cubicBezTo>
                      <a:pt x="25236" y="146642"/>
                      <a:pt x="23813" y="148086"/>
                      <a:pt x="8454" y="150653"/>
                    </a:cubicBezTo>
                    <a:lnTo>
                      <a:pt x="1642" y="151739"/>
                    </a:lnTo>
                    <a:cubicBezTo>
                      <a:pt x="-816" y="153592"/>
                      <a:pt x="-455" y="159851"/>
                      <a:pt x="2328" y="160885"/>
                    </a:cubicBezTo>
                    <a:cubicBezTo>
                      <a:pt x="16328" y="160196"/>
                      <a:pt x="27444" y="159851"/>
                      <a:pt x="38873" y="159851"/>
                    </a:cubicBezTo>
                    <a:cubicBezTo>
                      <a:pt x="44251" y="159851"/>
                      <a:pt x="51026" y="160196"/>
                      <a:pt x="58076" y="160553"/>
                    </a:cubicBezTo>
                    <a:cubicBezTo>
                      <a:pt x="65637" y="161332"/>
                      <a:pt x="73934" y="161664"/>
                      <a:pt x="81770" y="161664"/>
                    </a:cubicBezTo>
                    <a:cubicBezTo>
                      <a:pt x="99600" y="161664"/>
                      <a:pt x="119588" y="158829"/>
                      <a:pt x="135696" y="150283"/>
                    </a:cubicBezTo>
                    <a:cubicBezTo>
                      <a:pt x="164331" y="135325"/>
                      <a:pt x="178929" y="108615"/>
                      <a:pt x="178929" y="79734"/>
                    </a:cubicBezTo>
                    <a:cubicBezTo>
                      <a:pt x="178929" y="46049"/>
                      <a:pt x="162110" y="19352"/>
                      <a:pt x="129607" y="8047"/>
                    </a:cubicBezTo>
                    <a:close/>
                  </a:path>
                </a:pathLst>
              </a:custGeom>
              <a:solidFill>
                <a:srgbClr val="0028A0"/>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258" name="Freeform: Shape 257">
                <a:extLst>
                  <a:ext uri="{FF2B5EF4-FFF2-40B4-BE49-F238E27FC236}">
                    <a16:creationId xmlns:a16="http://schemas.microsoft.com/office/drawing/2014/main" id="{388D9FFB-D2A4-85CB-2B8F-5ABE5805CAE6}"/>
                  </a:ext>
                </a:extLst>
              </p:cNvPr>
              <p:cNvSpPr/>
              <p:nvPr/>
            </p:nvSpPr>
            <p:spPr>
              <a:xfrm>
                <a:off x="9850358" y="3341440"/>
                <a:ext cx="164505" cy="160885"/>
              </a:xfrm>
              <a:custGeom>
                <a:avLst/>
                <a:gdLst>
                  <a:gd name="connsiteX0" fmla="*/ 162009 w 164505"/>
                  <a:gd name="connsiteY0" fmla="*/ 0 h 160885"/>
                  <a:gd name="connsiteX1" fmla="*/ 136482 w 164505"/>
                  <a:gd name="connsiteY1" fmla="*/ 1035 h 160885"/>
                  <a:gd name="connsiteX2" fmla="*/ 109459 w 164505"/>
                  <a:gd name="connsiteY2" fmla="*/ 0 h 160885"/>
                  <a:gd name="connsiteX3" fmla="*/ 108669 w 164505"/>
                  <a:gd name="connsiteY3" fmla="*/ 9082 h 160885"/>
                  <a:gd name="connsiteX4" fmla="*/ 116193 w 164505"/>
                  <a:gd name="connsiteY4" fmla="*/ 10206 h 160885"/>
                  <a:gd name="connsiteX5" fmla="*/ 118717 w 164505"/>
                  <a:gd name="connsiteY5" fmla="*/ 24806 h 160885"/>
                  <a:gd name="connsiteX6" fmla="*/ 104430 w 164505"/>
                  <a:gd name="connsiteY6" fmla="*/ 51580 h 160885"/>
                  <a:gd name="connsiteX7" fmla="*/ 87260 w 164505"/>
                  <a:gd name="connsiteY7" fmla="*/ 81893 h 160885"/>
                  <a:gd name="connsiteX8" fmla="*/ 71239 w 164505"/>
                  <a:gd name="connsiteY8" fmla="*/ 51580 h 160885"/>
                  <a:gd name="connsiteX9" fmla="*/ 57963 w 164505"/>
                  <a:gd name="connsiteY9" fmla="*/ 25573 h 160885"/>
                  <a:gd name="connsiteX10" fmla="*/ 61170 w 164505"/>
                  <a:gd name="connsiteY10" fmla="*/ 10206 h 160885"/>
                  <a:gd name="connsiteX11" fmla="*/ 66211 w 164505"/>
                  <a:gd name="connsiteY11" fmla="*/ 9082 h 160885"/>
                  <a:gd name="connsiteX12" fmla="*/ 65812 w 164505"/>
                  <a:gd name="connsiteY12" fmla="*/ 0 h 160885"/>
                  <a:gd name="connsiteX13" fmla="*/ 35455 w 164505"/>
                  <a:gd name="connsiteY13" fmla="*/ 1035 h 160885"/>
                  <a:gd name="connsiteX14" fmla="*/ 2565 w 164505"/>
                  <a:gd name="connsiteY14" fmla="*/ 0 h 160885"/>
                  <a:gd name="connsiteX15" fmla="*/ 1480 w 164505"/>
                  <a:gd name="connsiteY15" fmla="*/ 9082 h 160885"/>
                  <a:gd name="connsiteX16" fmla="*/ 10800 w 164505"/>
                  <a:gd name="connsiteY16" fmla="*/ 10883 h 160885"/>
                  <a:gd name="connsiteX17" fmla="*/ 31150 w 164505"/>
                  <a:gd name="connsiteY17" fmla="*/ 30670 h 160885"/>
                  <a:gd name="connsiteX18" fmla="*/ 57214 w 164505"/>
                  <a:gd name="connsiteY18" fmla="*/ 80066 h 160885"/>
                  <a:gd name="connsiteX19" fmla="*/ 67221 w 164505"/>
                  <a:gd name="connsiteY19" fmla="*/ 111208 h 160885"/>
                  <a:gd name="connsiteX20" fmla="*/ 67221 w 164505"/>
                  <a:gd name="connsiteY20" fmla="*/ 125004 h 160885"/>
                  <a:gd name="connsiteX21" fmla="*/ 50453 w 164505"/>
                  <a:gd name="connsiteY21" fmla="*/ 150654 h 160885"/>
                  <a:gd name="connsiteX22" fmla="*/ 41556 w 164505"/>
                  <a:gd name="connsiteY22" fmla="*/ 151739 h 160885"/>
                  <a:gd name="connsiteX23" fmla="*/ 42255 w 164505"/>
                  <a:gd name="connsiteY23" fmla="*/ 160885 h 160885"/>
                  <a:gd name="connsiteX24" fmla="*/ 80896 w 164505"/>
                  <a:gd name="connsiteY24" fmla="*/ 159851 h 160885"/>
                  <a:gd name="connsiteX25" fmla="*/ 119384 w 164505"/>
                  <a:gd name="connsiteY25" fmla="*/ 160885 h 160885"/>
                  <a:gd name="connsiteX26" fmla="*/ 120146 w 164505"/>
                  <a:gd name="connsiteY26" fmla="*/ 151739 h 160885"/>
                  <a:gd name="connsiteX27" fmla="*/ 111202 w 164505"/>
                  <a:gd name="connsiteY27" fmla="*/ 150654 h 160885"/>
                  <a:gd name="connsiteX28" fmla="*/ 94359 w 164505"/>
                  <a:gd name="connsiteY28" fmla="*/ 125004 h 160885"/>
                  <a:gd name="connsiteX29" fmla="*/ 94359 w 164505"/>
                  <a:gd name="connsiteY29" fmla="*/ 105268 h 160885"/>
                  <a:gd name="connsiteX30" fmla="*/ 108011 w 164505"/>
                  <a:gd name="connsiteY30" fmla="*/ 70217 h 160885"/>
                  <a:gd name="connsiteX31" fmla="*/ 130147 w 164505"/>
                  <a:gd name="connsiteY31" fmla="*/ 33569 h 160885"/>
                  <a:gd name="connsiteX32" fmla="*/ 154122 w 164505"/>
                  <a:gd name="connsiteY32" fmla="*/ 10883 h 160885"/>
                  <a:gd name="connsiteX33" fmla="*/ 162656 w 164505"/>
                  <a:gd name="connsiteY33" fmla="*/ 9082 h 160885"/>
                  <a:gd name="connsiteX34" fmla="*/ 162009 w 164505"/>
                  <a:gd name="connsiteY34" fmla="*/ 0 h 16088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Lst>
                <a:rect l="l" t="t" r="r" b="b"/>
                <a:pathLst>
                  <a:path w="164505" h="160885">
                    <a:moveTo>
                      <a:pt x="162009" y="0"/>
                    </a:moveTo>
                    <a:cubicBezTo>
                      <a:pt x="151893" y="715"/>
                      <a:pt x="144397" y="1035"/>
                      <a:pt x="136482" y="1035"/>
                    </a:cubicBezTo>
                    <a:cubicBezTo>
                      <a:pt x="128338" y="1035"/>
                      <a:pt x="120146" y="715"/>
                      <a:pt x="109459" y="0"/>
                    </a:cubicBezTo>
                    <a:cubicBezTo>
                      <a:pt x="105840" y="1405"/>
                      <a:pt x="105487" y="7281"/>
                      <a:pt x="108669" y="9082"/>
                    </a:cubicBezTo>
                    <a:lnTo>
                      <a:pt x="116193" y="10206"/>
                    </a:lnTo>
                    <a:cubicBezTo>
                      <a:pt x="124852" y="11318"/>
                      <a:pt x="124070" y="14562"/>
                      <a:pt x="118717" y="24806"/>
                    </a:cubicBezTo>
                    <a:lnTo>
                      <a:pt x="104430" y="51580"/>
                    </a:lnTo>
                    <a:cubicBezTo>
                      <a:pt x="98391" y="63217"/>
                      <a:pt x="92987" y="71992"/>
                      <a:pt x="87260" y="81893"/>
                    </a:cubicBezTo>
                    <a:cubicBezTo>
                      <a:pt x="81932" y="72376"/>
                      <a:pt x="76529" y="62489"/>
                      <a:pt x="71239" y="51580"/>
                    </a:cubicBezTo>
                    <a:lnTo>
                      <a:pt x="57963" y="25573"/>
                    </a:lnTo>
                    <a:cubicBezTo>
                      <a:pt x="52186" y="14154"/>
                      <a:pt x="53372" y="12084"/>
                      <a:pt x="61170" y="10206"/>
                    </a:cubicBezTo>
                    <a:lnTo>
                      <a:pt x="66211" y="9082"/>
                    </a:lnTo>
                    <a:cubicBezTo>
                      <a:pt x="69742" y="7281"/>
                      <a:pt x="68719" y="1405"/>
                      <a:pt x="65812" y="0"/>
                    </a:cubicBezTo>
                    <a:cubicBezTo>
                      <a:pt x="54395" y="715"/>
                      <a:pt x="46210" y="1035"/>
                      <a:pt x="35455" y="1035"/>
                    </a:cubicBezTo>
                    <a:cubicBezTo>
                      <a:pt x="22616" y="1035"/>
                      <a:pt x="14343" y="715"/>
                      <a:pt x="2565" y="0"/>
                    </a:cubicBezTo>
                    <a:cubicBezTo>
                      <a:pt x="-242" y="1035"/>
                      <a:pt x="-954" y="6911"/>
                      <a:pt x="1480" y="9082"/>
                    </a:cubicBezTo>
                    <a:lnTo>
                      <a:pt x="10800" y="10883"/>
                    </a:lnTo>
                    <a:cubicBezTo>
                      <a:pt x="20046" y="12761"/>
                      <a:pt x="23702" y="16082"/>
                      <a:pt x="31150" y="30670"/>
                    </a:cubicBezTo>
                    <a:lnTo>
                      <a:pt x="57214" y="80066"/>
                    </a:lnTo>
                    <a:cubicBezTo>
                      <a:pt x="66211" y="96876"/>
                      <a:pt x="67221" y="99802"/>
                      <a:pt x="67221" y="111208"/>
                    </a:cubicBezTo>
                    <a:lnTo>
                      <a:pt x="67221" y="125004"/>
                    </a:lnTo>
                    <a:cubicBezTo>
                      <a:pt x="67221" y="146643"/>
                      <a:pt x="65812" y="148865"/>
                      <a:pt x="50453" y="150654"/>
                    </a:cubicBezTo>
                    <a:lnTo>
                      <a:pt x="41556" y="151739"/>
                    </a:lnTo>
                    <a:cubicBezTo>
                      <a:pt x="38998" y="153591"/>
                      <a:pt x="39335" y="159851"/>
                      <a:pt x="42255" y="160885"/>
                    </a:cubicBezTo>
                    <a:cubicBezTo>
                      <a:pt x="58337" y="160196"/>
                      <a:pt x="69455" y="159851"/>
                      <a:pt x="80896" y="159851"/>
                    </a:cubicBezTo>
                    <a:cubicBezTo>
                      <a:pt x="91876" y="159851"/>
                      <a:pt x="103716" y="160196"/>
                      <a:pt x="119384" y="160885"/>
                    </a:cubicBezTo>
                    <a:cubicBezTo>
                      <a:pt x="122299" y="159851"/>
                      <a:pt x="122661" y="153591"/>
                      <a:pt x="120146" y="151739"/>
                    </a:cubicBezTo>
                    <a:lnTo>
                      <a:pt x="111202" y="150654"/>
                    </a:lnTo>
                    <a:cubicBezTo>
                      <a:pt x="95856" y="148865"/>
                      <a:pt x="94359" y="146643"/>
                      <a:pt x="94359" y="125004"/>
                    </a:cubicBezTo>
                    <a:lnTo>
                      <a:pt x="94359" y="105268"/>
                    </a:lnTo>
                    <a:cubicBezTo>
                      <a:pt x="94359" y="94705"/>
                      <a:pt x="95133" y="91064"/>
                      <a:pt x="108011" y="70217"/>
                    </a:cubicBezTo>
                    <a:lnTo>
                      <a:pt x="130147" y="33569"/>
                    </a:lnTo>
                    <a:cubicBezTo>
                      <a:pt x="141225" y="15341"/>
                      <a:pt x="142997" y="13118"/>
                      <a:pt x="154122" y="10883"/>
                    </a:cubicBezTo>
                    <a:lnTo>
                      <a:pt x="162656" y="9082"/>
                    </a:lnTo>
                    <a:cubicBezTo>
                      <a:pt x="165580" y="7281"/>
                      <a:pt x="164790" y="1035"/>
                      <a:pt x="162009" y="0"/>
                    </a:cubicBezTo>
                    <a:close/>
                  </a:path>
                </a:pathLst>
              </a:custGeom>
              <a:solidFill>
                <a:srgbClr val="0028A0"/>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259" name="Freeform: Shape 258">
                <a:extLst>
                  <a:ext uri="{FF2B5EF4-FFF2-40B4-BE49-F238E27FC236}">
                    <a16:creationId xmlns:a16="http://schemas.microsoft.com/office/drawing/2014/main" id="{8FE1E97C-5FF4-831C-0A72-6C081C898328}"/>
                  </a:ext>
                </a:extLst>
              </p:cNvPr>
              <p:cNvSpPr/>
              <p:nvPr/>
            </p:nvSpPr>
            <p:spPr>
              <a:xfrm>
                <a:off x="9494474" y="3337366"/>
                <a:ext cx="175053" cy="168983"/>
              </a:xfrm>
              <a:custGeom>
                <a:avLst/>
                <a:gdLst>
                  <a:gd name="connsiteX0" fmla="*/ 96136 w 175053"/>
                  <a:gd name="connsiteY0" fmla="*/ 157973 h 168983"/>
                  <a:gd name="connsiteX1" fmla="*/ 31604 w 175053"/>
                  <a:gd name="connsiteY1" fmla="*/ 84984 h 168983"/>
                  <a:gd name="connsiteX2" fmla="*/ 79541 w 175053"/>
                  <a:gd name="connsiteY2" fmla="*/ 11011 h 168983"/>
                  <a:gd name="connsiteX3" fmla="*/ 143487 w 175053"/>
                  <a:gd name="connsiteY3" fmla="*/ 84332 h 168983"/>
                  <a:gd name="connsiteX4" fmla="*/ 96136 w 175053"/>
                  <a:gd name="connsiteY4" fmla="*/ 157973 h 168983"/>
                  <a:gd name="connsiteX5" fmla="*/ 88213 w 175053"/>
                  <a:gd name="connsiteY5" fmla="*/ 0 h 168983"/>
                  <a:gd name="connsiteX6" fmla="*/ 0 w 175053"/>
                  <a:gd name="connsiteY6" fmla="*/ 85954 h 168983"/>
                  <a:gd name="connsiteX7" fmla="*/ 88213 w 175053"/>
                  <a:gd name="connsiteY7" fmla="*/ 168984 h 168983"/>
                  <a:gd name="connsiteX8" fmla="*/ 175053 w 175053"/>
                  <a:gd name="connsiteY8" fmla="*/ 83796 h 168983"/>
                  <a:gd name="connsiteX9" fmla="*/ 88213 w 175053"/>
                  <a:gd name="connsiteY9" fmla="*/ 0 h 16898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75053" h="168983">
                    <a:moveTo>
                      <a:pt x="96136" y="157973"/>
                    </a:moveTo>
                    <a:cubicBezTo>
                      <a:pt x="54887" y="161601"/>
                      <a:pt x="34736" y="122564"/>
                      <a:pt x="31604" y="84984"/>
                    </a:cubicBezTo>
                    <a:cubicBezTo>
                      <a:pt x="27312" y="33582"/>
                      <a:pt x="53889" y="13272"/>
                      <a:pt x="79541" y="11011"/>
                    </a:cubicBezTo>
                    <a:cubicBezTo>
                      <a:pt x="118757" y="7588"/>
                      <a:pt x="140230" y="45347"/>
                      <a:pt x="143487" y="84332"/>
                    </a:cubicBezTo>
                    <a:cubicBezTo>
                      <a:pt x="147654" y="134303"/>
                      <a:pt x="123174" y="155572"/>
                      <a:pt x="96136" y="157973"/>
                    </a:cubicBezTo>
                    <a:close/>
                    <a:moveTo>
                      <a:pt x="88213" y="0"/>
                    </a:moveTo>
                    <a:cubicBezTo>
                      <a:pt x="36433" y="0"/>
                      <a:pt x="0" y="37338"/>
                      <a:pt x="0" y="85954"/>
                    </a:cubicBezTo>
                    <a:cubicBezTo>
                      <a:pt x="0" y="132068"/>
                      <a:pt x="32839" y="168984"/>
                      <a:pt x="88213" y="168984"/>
                    </a:cubicBezTo>
                    <a:cubicBezTo>
                      <a:pt x="138557" y="168984"/>
                      <a:pt x="175053" y="133140"/>
                      <a:pt x="175053" y="83796"/>
                    </a:cubicBezTo>
                    <a:cubicBezTo>
                      <a:pt x="175053" y="39062"/>
                      <a:pt x="145770" y="0"/>
                      <a:pt x="88213" y="0"/>
                    </a:cubicBezTo>
                    <a:close/>
                  </a:path>
                </a:pathLst>
              </a:custGeom>
              <a:solidFill>
                <a:srgbClr val="0028A0"/>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260" name="Freeform: Shape 259">
                <a:extLst>
                  <a:ext uri="{FF2B5EF4-FFF2-40B4-BE49-F238E27FC236}">
                    <a16:creationId xmlns:a16="http://schemas.microsoft.com/office/drawing/2014/main" id="{5FAD8D78-B8A2-8353-66E9-8DDADA6FE372}"/>
                  </a:ext>
                </a:extLst>
              </p:cNvPr>
              <p:cNvSpPr/>
              <p:nvPr/>
            </p:nvSpPr>
            <p:spPr>
              <a:xfrm>
                <a:off x="8994402" y="3258711"/>
                <a:ext cx="304704" cy="246201"/>
              </a:xfrm>
              <a:custGeom>
                <a:avLst/>
                <a:gdLst>
                  <a:gd name="connsiteX0" fmla="*/ 291851 w 304704"/>
                  <a:gd name="connsiteY0" fmla="*/ 233376 h 246201"/>
                  <a:gd name="connsiteX1" fmla="*/ 274345 w 304704"/>
                  <a:gd name="connsiteY1" fmla="*/ 203818 h 246201"/>
                  <a:gd name="connsiteX2" fmla="*/ 270390 w 304704"/>
                  <a:gd name="connsiteY2" fmla="*/ 44631 h 246201"/>
                  <a:gd name="connsiteX3" fmla="*/ 295369 w 304704"/>
                  <a:gd name="connsiteY3" fmla="*/ 9836 h 246201"/>
                  <a:gd name="connsiteX4" fmla="*/ 302943 w 304704"/>
                  <a:gd name="connsiteY4" fmla="*/ 9133 h 246201"/>
                  <a:gd name="connsiteX5" fmla="*/ 302618 w 304704"/>
                  <a:gd name="connsiteY5" fmla="*/ 0 h 246201"/>
                  <a:gd name="connsiteX6" fmla="*/ 270777 w 304704"/>
                  <a:gd name="connsiteY6" fmla="*/ 1035 h 246201"/>
                  <a:gd name="connsiteX7" fmla="*/ 243951 w 304704"/>
                  <a:gd name="connsiteY7" fmla="*/ 0 h 246201"/>
                  <a:gd name="connsiteX8" fmla="*/ 216813 w 304704"/>
                  <a:gd name="connsiteY8" fmla="*/ 70204 h 246201"/>
                  <a:gd name="connsiteX9" fmla="*/ 183212 w 304704"/>
                  <a:gd name="connsiteY9" fmla="*/ 140064 h 246201"/>
                  <a:gd name="connsiteX10" fmla="*/ 155700 w 304704"/>
                  <a:gd name="connsiteY10" fmla="*/ 194953 h 246201"/>
                  <a:gd name="connsiteX11" fmla="*/ 155001 w 304704"/>
                  <a:gd name="connsiteY11" fmla="*/ 194953 h 246201"/>
                  <a:gd name="connsiteX12" fmla="*/ 130334 w 304704"/>
                  <a:gd name="connsiteY12" fmla="*/ 144892 h 246201"/>
                  <a:gd name="connsiteX13" fmla="*/ 89584 w 304704"/>
                  <a:gd name="connsiteY13" fmla="*/ 60356 h 246201"/>
                  <a:gd name="connsiteX14" fmla="*/ 71006 w 304704"/>
                  <a:gd name="connsiteY14" fmla="*/ 0 h 246201"/>
                  <a:gd name="connsiteX15" fmla="*/ 41336 w 304704"/>
                  <a:gd name="connsiteY15" fmla="*/ 1035 h 246201"/>
                  <a:gd name="connsiteX16" fmla="*/ 13125 w 304704"/>
                  <a:gd name="connsiteY16" fmla="*/ 0 h 246201"/>
                  <a:gd name="connsiteX17" fmla="*/ 11703 w 304704"/>
                  <a:gd name="connsiteY17" fmla="*/ 9133 h 246201"/>
                  <a:gd name="connsiteX18" fmla="*/ 17380 w 304704"/>
                  <a:gd name="connsiteY18" fmla="*/ 9836 h 246201"/>
                  <a:gd name="connsiteX19" fmla="*/ 41336 w 304704"/>
                  <a:gd name="connsiteY19" fmla="*/ 41323 h 246201"/>
                  <a:gd name="connsiteX20" fmla="*/ 37380 w 304704"/>
                  <a:gd name="connsiteY20" fmla="*/ 122871 h 246201"/>
                  <a:gd name="connsiteX21" fmla="*/ 31354 w 304704"/>
                  <a:gd name="connsiteY21" fmla="*/ 203422 h 246201"/>
                  <a:gd name="connsiteX22" fmla="*/ 9195 w 304704"/>
                  <a:gd name="connsiteY22" fmla="*/ 233376 h 246201"/>
                  <a:gd name="connsiteX23" fmla="*/ 1334 w 304704"/>
                  <a:gd name="connsiteY23" fmla="*/ 234462 h 246201"/>
                  <a:gd name="connsiteX24" fmla="*/ 2083 w 304704"/>
                  <a:gd name="connsiteY24" fmla="*/ 243608 h 246201"/>
                  <a:gd name="connsiteX25" fmla="*/ 38466 w 304704"/>
                  <a:gd name="connsiteY25" fmla="*/ 242573 h 246201"/>
                  <a:gd name="connsiteX26" fmla="*/ 78155 w 304704"/>
                  <a:gd name="connsiteY26" fmla="*/ 243608 h 246201"/>
                  <a:gd name="connsiteX27" fmla="*/ 78555 w 304704"/>
                  <a:gd name="connsiteY27" fmla="*/ 234462 h 246201"/>
                  <a:gd name="connsiteX28" fmla="*/ 64955 w 304704"/>
                  <a:gd name="connsiteY28" fmla="*/ 233376 h 246201"/>
                  <a:gd name="connsiteX29" fmla="*/ 48884 w 304704"/>
                  <a:gd name="connsiteY29" fmla="*/ 199373 h 246201"/>
                  <a:gd name="connsiteX30" fmla="*/ 51367 w 304704"/>
                  <a:gd name="connsiteY30" fmla="*/ 113392 h 246201"/>
                  <a:gd name="connsiteX31" fmla="*/ 54911 w 304704"/>
                  <a:gd name="connsiteY31" fmla="*/ 48246 h 246201"/>
                  <a:gd name="connsiteX32" fmla="*/ 55647 w 304704"/>
                  <a:gd name="connsiteY32" fmla="*/ 48246 h 246201"/>
                  <a:gd name="connsiteX33" fmla="*/ 78555 w 304704"/>
                  <a:gd name="connsiteY33" fmla="*/ 100925 h 246201"/>
                  <a:gd name="connsiteX34" fmla="*/ 110633 w 304704"/>
                  <a:gd name="connsiteY34" fmla="*/ 171577 h 246201"/>
                  <a:gd name="connsiteX35" fmla="*/ 142163 w 304704"/>
                  <a:gd name="connsiteY35" fmla="*/ 244719 h 246201"/>
                  <a:gd name="connsiteX36" fmla="*/ 145345 w 304704"/>
                  <a:gd name="connsiteY36" fmla="*/ 246201 h 246201"/>
                  <a:gd name="connsiteX37" fmla="*/ 148863 w 304704"/>
                  <a:gd name="connsiteY37" fmla="*/ 244719 h 246201"/>
                  <a:gd name="connsiteX38" fmla="*/ 187480 w 304704"/>
                  <a:gd name="connsiteY38" fmla="*/ 161307 h 246201"/>
                  <a:gd name="connsiteX39" fmla="*/ 219284 w 304704"/>
                  <a:gd name="connsiteY39" fmla="*/ 97285 h 246201"/>
                  <a:gd name="connsiteX40" fmla="*/ 242516 w 304704"/>
                  <a:gd name="connsiteY40" fmla="*/ 49767 h 246201"/>
                  <a:gd name="connsiteX41" fmla="*/ 243228 w 304704"/>
                  <a:gd name="connsiteY41" fmla="*/ 49767 h 246201"/>
                  <a:gd name="connsiteX42" fmla="*/ 244312 w 304704"/>
                  <a:gd name="connsiteY42" fmla="*/ 202298 h 246201"/>
                  <a:gd name="connsiteX43" fmla="*/ 226820 w 304704"/>
                  <a:gd name="connsiteY43" fmla="*/ 233376 h 246201"/>
                  <a:gd name="connsiteX44" fmla="*/ 216526 w 304704"/>
                  <a:gd name="connsiteY44" fmla="*/ 234462 h 246201"/>
                  <a:gd name="connsiteX45" fmla="*/ 217213 w 304704"/>
                  <a:gd name="connsiteY45" fmla="*/ 243608 h 246201"/>
                  <a:gd name="connsiteX46" fmla="*/ 260371 w 304704"/>
                  <a:gd name="connsiteY46" fmla="*/ 242573 h 246201"/>
                  <a:gd name="connsiteX47" fmla="*/ 302618 w 304704"/>
                  <a:gd name="connsiteY47" fmla="*/ 243608 h 246201"/>
                  <a:gd name="connsiteX48" fmla="*/ 303329 w 304704"/>
                  <a:gd name="connsiteY48" fmla="*/ 234462 h 246201"/>
                  <a:gd name="connsiteX49" fmla="*/ 291851 w 304704"/>
                  <a:gd name="connsiteY49" fmla="*/ 233376 h 24620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Lst>
                <a:rect l="l" t="t" r="r" b="b"/>
                <a:pathLst>
                  <a:path w="304704" h="246201">
                    <a:moveTo>
                      <a:pt x="291851" y="233376"/>
                    </a:moveTo>
                    <a:cubicBezTo>
                      <a:pt x="275081" y="231588"/>
                      <a:pt x="275418" y="222020"/>
                      <a:pt x="274345" y="203818"/>
                    </a:cubicBezTo>
                    <a:cubicBezTo>
                      <a:pt x="271450" y="151075"/>
                      <a:pt x="271101" y="83438"/>
                      <a:pt x="270390" y="44631"/>
                    </a:cubicBezTo>
                    <a:cubicBezTo>
                      <a:pt x="270040" y="19058"/>
                      <a:pt x="272898" y="12480"/>
                      <a:pt x="295369" y="9836"/>
                    </a:cubicBezTo>
                    <a:lnTo>
                      <a:pt x="302943" y="9133"/>
                    </a:lnTo>
                    <a:cubicBezTo>
                      <a:pt x="304751" y="7651"/>
                      <a:pt x="304751" y="1456"/>
                      <a:pt x="302618" y="0"/>
                    </a:cubicBezTo>
                    <a:cubicBezTo>
                      <a:pt x="291451" y="728"/>
                      <a:pt x="279723" y="1035"/>
                      <a:pt x="270777" y="1035"/>
                    </a:cubicBezTo>
                    <a:cubicBezTo>
                      <a:pt x="263615" y="1035"/>
                      <a:pt x="256153" y="1035"/>
                      <a:pt x="243951" y="0"/>
                    </a:cubicBezTo>
                    <a:cubicBezTo>
                      <a:pt x="243228" y="16836"/>
                      <a:pt x="233258" y="36980"/>
                      <a:pt x="216813" y="70204"/>
                    </a:cubicBezTo>
                    <a:lnTo>
                      <a:pt x="183212" y="140064"/>
                    </a:lnTo>
                    <a:cubicBezTo>
                      <a:pt x="174304" y="158765"/>
                      <a:pt x="165345" y="177836"/>
                      <a:pt x="155700" y="194953"/>
                    </a:cubicBezTo>
                    <a:lnTo>
                      <a:pt x="155001" y="194953"/>
                    </a:lnTo>
                    <a:cubicBezTo>
                      <a:pt x="146355" y="178845"/>
                      <a:pt x="138545" y="162035"/>
                      <a:pt x="130334" y="144892"/>
                    </a:cubicBezTo>
                    <a:lnTo>
                      <a:pt x="89584" y="60356"/>
                    </a:lnTo>
                    <a:cubicBezTo>
                      <a:pt x="78555" y="36980"/>
                      <a:pt x="69559" y="14255"/>
                      <a:pt x="71006" y="0"/>
                    </a:cubicBezTo>
                    <a:cubicBezTo>
                      <a:pt x="59203" y="1035"/>
                      <a:pt x="49583" y="1035"/>
                      <a:pt x="41336" y="1035"/>
                    </a:cubicBezTo>
                    <a:cubicBezTo>
                      <a:pt x="32414" y="1035"/>
                      <a:pt x="23855" y="728"/>
                      <a:pt x="13125" y="0"/>
                    </a:cubicBezTo>
                    <a:cubicBezTo>
                      <a:pt x="10230" y="1456"/>
                      <a:pt x="9881" y="6936"/>
                      <a:pt x="11703" y="9133"/>
                    </a:cubicBezTo>
                    <a:lnTo>
                      <a:pt x="17380" y="9836"/>
                    </a:lnTo>
                    <a:cubicBezTo>
                      <a:pt x="39177" y="13527"/>
                      <a:pt x="42122" y="18254"/>
                      <a:pt x="41336" y="41323"/>
                    </a:cubicBezTo>
                    <a:cubicBezTo>
                      <a:pt x="40624" y="61403"/>
                      <a:pt x="39177" y="92507"/>
                      <a:pt x="37380" y="122871"/>
                    </a:cubicBezTo>
                    <a:cubicBezTo>
                      <a:pt x="35297" y="159135"/>
                      <a:pt x="33525" y="179228"/>
                      <a:pt x="31354" y="203422"/>
                    </a:cubicBezTo>
                    <a:cubicBezTo>
                      <a:pt x="29195" y="228982"/>
                      <a:pt x="24180" y="231588"/>
                      <a:pt x="9195" y="233376"/>
                    </a:cubicBezTo>
                    <a:lnTo>
                      <a:pt x="1334" y="234462"/>
                    </a:lnTo>
                    <a:cubicBezTo>
                      <a:pt x="-887" y="236314"/>
                      <a:pt x="-126" y="241858"/>
                      <a:pt x="2083" y="243608"/>
                    </a:cubicBezTo>
                    <a:cubicBezTo>
                      <a:pt x="14248" y="242918"/>
                      <a:pt x="27062" y="242573"/>
                      <a:pt x="38466" y="242573"/>
                    </a:cubicBezTo>
                    <a:cubicBezTo>
                      <a:pt x="52041" y="242573"/>
                      <a:pt x="66015" y="242918"/>
                      <a:pt x="78155" y="243608"/>
                    </a:cubicBezTo>
                    <a:cubicBezTo>
                      <a:pt x="80663" y="242573"/>
                      <a:pt x="81038" y="236685"/>
                      <a:pt x="78555" y="234462"/>
                    </a:cubicBezTo>
                    <a:lnTo>
                      <a:pt x="64955" y="233376"/>
                    </a:lnTo>
                    <a:cubicBezTo>
                      <a:pt x="50968" y="232316"/>
                      <a:pt x="48884" y="226453"/>
                      <a:pt x="48884" y="199373"/>
                    </a:cubicBezTo>
                    <a:cubicBezTo>
                      <a:pt x="48884" y="168307"/>
                      <a:pt x="50294" y="135657"/>
                      <a:pt x="51367" y="113392"/>
                    </a:cubicBezTo>
                    <a:cubicBezTo>
                      <a:pt x="52490" y="92162"/>
                      <a:pt x="53551" y="70920"/>
                      <a:pt x="54911" y="48246"/>
                    </a:cubicBezTo>
                    <a:lnTo>
                      <a:pt x="55647" y="48246"/>
                    </a:lnTo>
                    <a:cubicBezTo>
                      <a:pt x="63495" y="65095"/>
                      <a:pt x="71006" y="84128"/>
                      <a:pt x="78555" y="100925"/>
                    </a:cubicBezTo>
                    <a:lnTo>
                      <a:pt x="110633" y="171577"/>
                    </a:lnTo>
                    <a:cubicBezTo>
                      <a:pt x="118868" y="189486"/>
                      <a:pt x="135999" y="225393"/>
                      <a:pt x="142163" y="244719"/>
                    </a:cubicBezTo>
                    <a:cubicBezTo>
                      <a:pt x="142837" y="245856"/>
                      <a:pt x="144658" y="246201"/>
                      <a:pt x="145345" y="246201"/>
                    </a:cubicBezTo>
                    <a:cubicBezTo>
                      <a:pt x="146804" y="246201"/>
                      <a:pt x="148201" y="245856"/>
                      <a:pt x="148863" y="244719"/>
                    </a:cubicBezTo>
                    <a:cubicBezTo>
                      <a:pt x="155338" y="227896"/>
                      <a:pt x="171459" y="193573"/>
                      <a:pt x="187480" y="161307"/>
                    </a:cubicBezTo>
                    <a:lnTo>
                      <a:pt x="219284" y="97285"/>
                    </a:lnTo>
                    <a:cubicBezTo>
                      <a:pt x="226445" y="83068"/>
                      <a:pt x="239971" y="53777"/>
                      <a:pt x="242516" y="49767"/>
                    </a:cubicBezTo>
                    <a:lnTo>
                      <a:pt x="243228" y="49767"/>
                    </a:lnTo>
                    <a:lnTo>
                      <a:pt x="244312" y="202298"/>
                    </a:lnTo>
                    <a:cubicBezTo>
                      <a:pt x="244312" y="225724"/>
                      <a:pt x="244312" y="231588"/>
                      <a:pt x="226820" y="233376"/>
                    </a:cubicBezTo>
                    <a:lnTo>
                      <a:pt x="216526" y="234462"/>
                    </a:lnTo>
                    <a:cubicBezTo>
                      <a:pt x="214331" y="236685"/>
                      <a:pt x="214679" y="241858"/>
                      <a:pt x="217213" y="243608"/>
                    </a:cubicBezTo>
                    <a:cubicBezTo>
                      <a:pt x="231799" y="242918"/>
                      <a:pt x="247906" y="242573"/>
                      <a:pt x="260371" y="242573"/>
                    </a:cubicBezTo>
                    <a:cubicBezTo>
                      <a:pt x="273260" y="242573"/>
                      <a:pt x="287945" y="242918"/>
                      <a:pt x="302618" y="243608"/>
                    </a:cubicBezTo>
                    <a:cubicBezTo>
                      <a:pt x="305076" y="242165"/>
                      <a:pt x="305426" y="236685"/>
                      <a:pt x="303329" y="234462"/>
                    </a:cubicBezTo>
                    <a:lnTo>
                      <a:pt x="291851" y="233376"/>
                    </a:lnTo>
                    <a:close/>
                  </a:path>
                </a:pathLst>
              </a:custGeom>
              <a:solidFill>
                <a:srgbClr val="0028A0"/>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grpSp>
        <p:grpSp>
          <p:nvGrpSpPr>
            <p:cNvPr id="241" name="Group 240">
              <a:extLst>
                <a:ext uri="{FF2B5EF4-FFF2-40B4-BE49-F238E27FC236}">
                  <a16:creationId xmlns:a16="http://schemas.microsoft.com/office/drawing/2014/main" id="{D3F8CB11-8BE3-B614-F063-F948576F8C38}"/>
                </a:ext>
              </a:extLst>
            </p:cNvPr>
            <p:cNvGrpSpPr/>
            <p:nvPr/>
          </p:nvGrpSpPr>
          <p:grpSpPr>
            <a:xfrm>
              <a:off x="10572065" y="3085499"/>
              <a:ext cx="1003023" cy="199932"/>
              <a:chOff x="10521914" y="3268543"/>
              <a:chExt cx="1103325" cy="219925"/>
            </a:xfrm>
          </p:grpSpPr>
          <p:sp>
            <p:nvSpPr>
              <p:cNvPr id="248" name="Freeform: Shape 247">
                <a:extLst>
                  <a:ext uri="{FF2B5EF4-FFF2-40B4-BE49-F238E27FC236}">
                    <a16:creationId xmlns:a16="http://schemas.microsoft.com/office/drawing/2014/main" id="{EBEA56C2-4456-EC45-F7C4-B5022C59431D}"/>
                  </a:ext>
                </a:extLst>
              </p:cNvPr>
              <p:cNvSpPr/>
              <p:nvPr/>
            </p:nvSpPr>
            <p:spPr>
              <a:xfrm>
                <a:off x="10734816" y="3268543"/>
                <a:ext cx="183018" cy="219925"/>
              </a:xfrm>
              <a:custGeom>
                <a:avLst/>
                <a:gdLst>
                  <a:gd name="connsiteX0" fmla="*/ 183018 w 183018"/>
                  <a:gd name="connsiteY0" fmla="*/ 29838 h 219925"/>
                  <a:gd name="connsiteX1" fmla="*/ 107454 w 183018"/>
                  <a:gd name="connsiteY1" fmla="*/ 0 h 219925"/>
                  <a:gd name="connsiteX2" fmla="*/ 0 w 183018"/>
                  <a:gd name="connsiteY2" fmla="*/ 110229 h 219925"/>
                  <a:gd name="connsiteX3" fmla="*/ 107454 w 183018"/>
                  <a:gd name="connsiteY3" fmla="*/ 219926 h 219925"/>
                  <a:gd name="connsiteX4" fmla="*/ 183018 w 183018"/>
                  <a:gd name="connsiteY4" fmla="*/ 189214 h 219925"/>
                  <a:gd name="connsiteX5" fmla="*/ 157514 w 183018"/>
                  <a:gd name="connsiteY5" fmla="*/ 156867 h 219925"/>
                  <a:gd name="connsiteX6" fmla="*/ 131743 w 183018"/>
                  <a:gd name="connsiteY6" fmla="*/ 151204 h 219925"/>
                  <a:gd name="connsiteX7" fmla="*/ 111864 w 183018"/>
                  <a:gd name="connsiteY7" fmla="*/ 155803 h 219925"/>
                  <a:gd name="connsiteX8" fmla="*/ 68570 w 183018"/>
                  <a:gd name="connsiteY8" fmla="*/ 110191 h 219925"/>
                  <a:gd name="connsiteX9" fmla="*/ 111864 w 183018"/>
                  <a:gd name="connsiteY9" fmla="*/ 64579 h 219925"/>
                  <a:gd name="connsiteX10" fmla="*/ 130678 w 183018"/>
                  <a:gd name="connsiteY10" fmla="*/ 68874 h 219925"/>
                  <a:gd name="connsiteX11" fmla="*/ 158540 w 183018"/>
                  <a:gd name="connsiteY11" fmla="*/ 62298 h 219925"/>
                  <a:gd name="connsiteX12" fmla="*/ 183018 w 183018"/>
                  <a:gd name="connsiteY12" fmla="*/ 29838 h 21992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183018" h="219925">
                    <a:moveTo>
                      <a:pt x="183018" y="29838"/>
                    </a:moveTo>
                    <a:cubicBezTo>
                      <a:pt x="183018" y="29838"/>
                      <a:pt x="156829" y="0"/>
                      <a:pt x="107454" y="0"/>
                    </a:cubicBezTo>
                    <a:cubicBezTo>
                      <a:pt x="47056" y="0"/>
                      <a:pt x="0" y="48121"/>
                      <a:pt x="0" y="110229"/>
                    </a:cubicBezTo>
                    <a:cubicBezTo>
                      <a:pt x="0" y="172337"/>
                      <a:pt x="47056" y="219926"/>
                      <a:pt x="107454" y="219926"/>
                    </a:cubicBezTo>
                    <a:cubicBezTo>
                      <a:pt x="156867" y="219926"/>
                      <a:pt x="183018" y="189214"/>
                      <a:pt x="183018" y="189214"/>
                    </a:cubicBezTo>
                    <a:cubicBezTo>
                      <a:pt x="183018" y="189214"/>
                      <a:pt x="165876" y="165420"/>
                      <a:pt x="157514" y="156867"/>
                    </a:cubicBezTo>
                    <a:cubicBezTo>
                      <a:pt x="151099" y="149525"/>
                      <a:pt x="140645" y="147227"/>
                      <a:pt x="131743" y="151204"/>
                    </a:cubicBezTo>
                    <a:cubicBezTo>
                      <a:pt x="125515" y="154121"/>
                      <a:pt x="118740" y="155689"/>
                      <a:pt x="111864" y="155803"/>
                    </a:cubicBezTo>
                    <a:cubicBezTo>
                      <a:pt x="84724" y="155803"/>
                      <a:pt x="68570" y="134859"/>
                      <a:pt x="68570" y="110191"/>
                    </a:cubicBezTo>
                    <a:cubicBezTo>
                      <a:pt x="68570" y="85523"/>
                      <a:pt x="84724" y="64579"/>
                      <a:pt x="111864" y="64579"/>
                    </a:cubicBezTo>
                    <a:cubicBezTo>
                      <a:pt x="118324" y="65000"/>
                      <a:pt x="124676" y="66450"/>
                      <a:pt x="130678" y="68874"/>
                    </a:cubicBezTo>
                    <a:cubicBezTo>
                      <a:pt x="140441" y="72516"/>
                      <a:pt x="151436" y="69921"/>
                      <a:pt x="158540" y="62298"/>
                    </a:cubicBezTo>
                    <a:cubicBezTo>
                      <a:pt x="165610" y="55038"/>
                      <a:pt x="183018" y="29838"/>
                      <a:pt x="183018" y="29838"/>
                    </a:cubicBezTo>
                    <a:close/>
                  </a:path>
                </a:pathLst>
              </a:custGeom>
              <a:solidFill>
                <a:srgbClr val="FE6800"/>
              </a:solidFill>
              <a:ln w="3791"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249" name="Freeform: Shape 248">
                <a:extLst>
                  <a:ext uri="{FF2B5EF4-FFF2-40B4-BE49-F238E27FC236}">
                    <a16:creationId xmlns:a16="http://schemas.microsoft.com/office/drawing/2014/main" id="{33D71F22-030B-47DA-F180-8618A1FF6F9C}"/>
                  </a:ext>
                </a:extLst>
              </p:cNvPr>
              <p:cNvSpPr/>
              <p:nvPr/>
            </p:nvSpPr>
            <p:spPr>
              <a:xfrm>
                <a:off x="10914185" y="3268543"/>
                <a:ext cx="183056" cy="219925"/>
              </a:xfrm>
              <a:custGeom>
                <a:avLst/>
                <a:gdLst>
                  <a:gd name="connsiteX0" fmla="*/ 183056 w 183056"/>
                  <a:gd name="connsiteY0" fmla="*/ 29838 h 219925"/>
                  <a:gd name="connsiteX1" fmla="*/ 107492 w 183056"/>
                  <a:gd name="connsiteY1" fmla="*/ 0 h 219925"/>
                  <a:gd name="connsiteX2" fmla="*/ 0 w 183056"/>
                  <a:gd name="connsiteY2" fmla="*/ 110229 h 219925"/>
                  <a:gd name="connsiteX3" fmla="*/ 107492 w 183056"/>
                  <a:gd name="connsiteY3" fmla="*/ 219926 h 219925"/>
                  <a:gd name="connsiteX4" fmla="*/ 183056 w 183056"/>
                  <a:gd name="connsiteY4" fmla="*/ 189214 h 219925"/>
                  <a:gd name="connsiteX5" fmla="*/ 157552 w 183056"/>
                  <a:gd name="connsiteY5" fmla="*/ 156867 h 219925"/>
                  <a:gd name="connsiteX6" fmla="*/ 131781 w 183056"/>
                  <a:gd name="connsiteY6" fmla="*/ 151204 h 219925"/>
                  <a:gd name="connsiteX7" fmla="*/ 111902 w 183056"/>
                  <a:gd name="connsiteY7" fmla="*/ 155803 h 219925"/>
                  <a:gd name="connsiteX8" fmla="*/ 68608 w 183056"/>
                  <a:gd name="connsiteY8" fmla="*/ 110191 h 219925"/>
                  <a:gd name="connsiteX9" fmla="*/ 111902 w 183056"/>
                  <a:gd name="connsiteY9" fmla="*/ 64579 h 219925"/>
                  <a:gd name="connsiteX10" fmla="*/ 130907 w 183056"/>
                  <a:gd name="connsiteY10" fmla="*/ 68874 h 219925"/>
                  <a:gd name="connsiteX11" fmla="*/ 158768 w 183056"/>
                  <a:gd name="connsiteY11" fmla="*/ 62298 h 219925"/>
                  <a:gd name="connsiteX12" fmla="*/ 183056 w 183056"/>
                  <a:gd name="connsiteY12" fmla="*/ 29838 h 21992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183056" h="219925">
                    <a:moveTo>
                      <a:pt x="183056" y="29838"/>
                    </a:moveTo>
                    <a:cubicBezTo>
                      <a:pt x="183056" y="29838"/>
                      <a:pt x="156867" y="0"/>
                      <a:pt x="107492" y="0"/>
                    </a:cubicBezTo>
                    <a:cubicBezTo>
                      <a:pt x="47094" y="0"/>
                      <a:pt x="0" y="48121"/>
                      <a:pt x="0" y="110229"/>
                    </a:cubicBezTo>
                    <a:cubicBezTo>
                      <a:pt x="0" y="172337"/>
                      <a:pt x="47056" y="219926"/>
                      <a:pt x="107492" y="219926"/>
                    </a:cubicBezTo>
                    <a:cubicBezTo>
                      <a:pt x="156905" y="219926"/>
                      <a:pt x="183056" y="189214"/>
                      <a:pt x="183056" y="189214"/>
                    </a:cubicBezTo>
                    <a:cubicBezTo>
                      <a:pt x="183056" y="189214"/>
                      <a:pt x="165914" y="165420"/>
                      <a:pt x="157552" y="156867"/>
                    </a:cubicBezTo>
                    <a:cubicBezTo>
                      <a:pt x="151136" y="149525"/>
                      <a:pt x="140683" y="147227"/>
                      <a:pt x="131781" y="151204"/>
                    </a:cubicBezTo>
                    <a:cubicBezTo>
                      <a:pt x="125555" y="154124"/>
                      <a:pt x="118778" y="155691"/>
                      <a:pt x="111902" y="155803"/>
                    </a:cubicBezTo>
                    <a:cubicBezTo>
                      <a:pt x="84762" y="155803"/>
                      <a:pt x="68608" y="134859"/>
                      <a:pt x="68608" y="110191"/>
                    </a:cubicBezTo>
                    <a:cubicBezTo>
                      <a:pt x="68608" y="85523"/>
                      <a:pt x="84762" y="64579"/>
                      <a:pt x="111902" y="64579"/>
                    </a:cubicBezTo>
                    <a:cubicBezTo>
                      <a:pt x="118428" y="64980"/>
                      <a:pt x="124844" y="66430"/>
                      <a:pt x="130907" y="68874"/>
                    </a:cubicBezTo>
                    <a:cubicBezTo>
                      <a:pt x="140668" y="72516"/>
                      <a:pt x="151664" y="69921"/>
                      <a:pt x="158768" y="62298"/>
                    </a:cubicBezTo>
                    <a:cubicBezTo>
                      <a:pt x="165458" y="55038"/>
                      <a:pt x="183056" y="29838"/>
                      <a:pt x="183056" y="29838"/>
                    </a:cubicBezTo>
                    <a:close/>
                  </a:path>
                </a:pathLst>
              </a:custGeom>
              <a:solidFill>
                <a:srgbClr val="FE6800"/>
              </a:solidFill>
              <a:ln w="3791"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250" name="Freeform: Shape 249">
                <a:extLst>
                  <a:ext uri="{FF2B5EF4-FFF2-40B4-BE49-F238E27FC236}">
                    <a16:creationId xmlns:a16="http://schemas.microsoft.com/office/drawing/2014/main" id="{A0F21BBC-614F-8FF6-8EB1-7FA729579A93}"/>
                  </a:ext>
                </a:extLst>
              </p:cNvPr>
              <p:cNvSpPr/>
              <p:nvPr/>
            </p:nvSpPr>
            <p:spPr>
              <a:xfrm>
                <a:off x="10521914" y="3268543"/>
                <a:ext cx="224424" cy="215402"/>
              </a:xfrm>
              <a:custGeom>
                <a:avLst/>
                <a:gdLst>
                  <a:gd name="connsiteX0" fmla="*/ 223279 w 224424"/>
                  <a:gd name="connsiteY0" fmla="*/ 215403 h 215402"/>
                  <a:gd name="connsiteX1" fmla="*/ 224420 w 224424"/>
                  <a:gd name="connsiteY1" fmla="*/ 208257 h 215402"/>
                  <a:gd name="connsiteX2" fmla="*/ 220619 w 224424"/>
                  <a:gd name="connsiteY2" fmla="*/ 194991 h 215402"/>
                  <a:gd name="connsiteX3" fmla="*/ 112708 w 224424"/>
                  <a:gd name="connsiteY3" fmla="*/ 0 h 215402"/>
                  <a:gd name="connsiteX4" fmla="*/ 111872 w 224424"/>
                  <a:gd name="connsiteY4" fmla="*/ 0 h 215402"/>
                  <a:gd name="connsiteX5" fmla="*/ 3809 w 224424"/>
                  <a:gd name="connsiteY5" fmla="*/ 194991 h 215402"/>
                  <a:gd name="connsiteX6" fmla="*/ 8 w 224424"/>
                  <a:gd name="connsiteY6" fmla="*/ 208257 h 215402"/>
                  <a:gd name="connsiteX7" fmla="*/ 1415 w 224424"/>
                  <a:gd name="connsiteY7" fmla="*/ 215403 h 215402"/>
                  <a:gd name="connsiteX8" fmla="*/ 70137 w 224424"/>
                  <a:gd name="connsiteY8" fmla="*/ 215403 h 215402"/>
                  <a:gd name="connsiteX9" fmla="*/ 103852 w 224424"/>
                  <a:gd name="connsiteY9" fmla="*/ 147327 h 215402"/>
                  <a:gd name="connsiteX10" fmla="*/ 111682 w 224424"/>
                  <a:gd name="connsiteY10" fmla="*/ 141283 h 215402"/>
                  <a:gd name="connsiteX11" fmla="*/ 119702 w 224424"/>
                  <a:gd name="connsiteY11" fmla="*/ 147327 h 215402"/>
                  <a:gd name="connsiteX12" fmla="*/ 155545 w 224424"/>
                  <a:gd name="connsiteY12" fmla="*/ 215403 h 21540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224424" h="215402">
                    <a:moveTo>
                      <a:pt x="223279" y="215403"/>
                    </a:moveTo>
                    <a:cubicBezTo>
                      <a:pt x="224089" y="213110"/>
                      <a:pt x="224475" y="210688"/>
                      <a:pt x="224420" y="208257"/>
                    </a:cubicBezTo>
                    <a:cubicBezTo>
                      <a:pt x="224329" y="203580"/>
                      <a:pt x="223018" y="199007"/>
                      <a:pt x="220619" y="194991"/>
                    </a:cubicBezTo>
                    <a:lnTo>
                      <a:pt x="112708" y="0"/>
                    </a:lnTo>
                    <a:lnTo>
                      <a:pt x="111872" y="0"/>
                    </a:lnTo>
                    <a:lnTo>
                      <a:pt x="3809" y="194991"/>
                    </a:lnTo>
                    <a:cubicBezTo>
                      <a:pt x="1439" y="199020"/>
                      <a:pt x="131" y="203584"/>
                      <a:pt x="8" y="208257"/>
                    </a:cubicBezTo>
                    <a:cubicBezTo>
                      <a:pt x="-70" y="210715"/>
                      <a:pt x="411" y="213158"/>
                      <a:pt x="1415" y="215403"/>
                    </a:cubicBezTo>
                    <a:lnTo>
                      <a:pt x="70137" y="215403"/>
                    </a:lnTo>
                    <a:cubicBezTo>
                      <a:pt x="70137" y="215403"/>
                      <a:pt x="99595" y="155765"/>
                      <a:pt x="103852" y="147327"/>
                    </a:cubicBezTo>
                    <a:cubicBezTo>
                      <a:pt x="105980" y="143108"/>
                      <a:pt x="108261" y="141283"/>
                      <a:pt x="111682" y="141283"/>
                    </a:cubicBezTo>
                    <a:cubicBezTo>
                      <a:pt x="115103" y="141283"/>
                      <a:pt x="117459" y="143184"/>
                      <a:pt x="119702" y="147327"/>
                    </a:cubicBezTo>
                    <a:cubicBezTo>
                      <a:pt x="124149" y="155613"/>
                      <a:pt x="155545" y="215403"/>
                      <a:pt x="155545" y="215403"/>
                    </a:cubicBezTo>
                    <a:close/>
                  </a:path>
                </a:pathLst>
              </a:custGeom>
              <a:solidFill>
                <a:srgbClr val="FE6800"/>
              </a:solidFill>
              <a:ln w="3791"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251" name="Freeform: Shape 250">
                <a:extLst>
                  <a:ext uri="{FF2B5EF4-FFF2-40B4-BE49-F238E27FC236}">
                    <a16:creationId xmlns:a16="http://schemas.microsoft.com/office/drawing/2014/main" id="{8BB7BB9F-F06A-2660-29B6-76284FB6E1DC}"/>
                  </a:ext>
                </a:extLst>
              </p:cNvPr>
              <p:cNvSpPr/>
              <p:nvPr/>
            </p:nvSpPr>
            <p:spPr>
              <a:xfrm>
                <a:off x="11203935" y="3268658"/>
                <a:ext cx="219395" cy="219393"/>
              </a:xfrm>
              <a:custGeom>
                <a:avLst/>
                <a:gdLst>
                  <a:gd name="connsiteX0" fmla="*/ 109166 w 219395"/>
                  <a:gd name="connsiteY0" fmla="*/ 219392 h 219393"/>
                  <a:gd name="connsiteX1" fmla="*/ 1 w 219395"/>
                  <a:gd name="connsiteY1" fmla="*/ 109165 h 219393"/>
                  <a:gd name="connsiteX2" fmla="*/ 110230 w 219395"/>
                  <a:gd name="connsiteY2" fmla="*/ 1 h 219393"/>
                  <a:gd name="connsiteX3" fmla="*/ 219395 w 219395"/>
                  <a:gd name="connsiteY3" fmla="*/ 109696 h 219393"/>
                  <a:gd name="connsiteX4" fmla="*/ 109470 w 219395"/>
                  <a:gd name="connsiteY4" fmla="*/ 219393 h 219393"/>
                  <a:gd name="connsiteX5" fmla="*/ 109166 w 219395"/>
                  <a:gd name="connsiteY5" fmla="*/ 219392 h 219393"/>
                  <a:gd name="connsiteX6" fmla="*/ 109166 w 219395"/>
                  <a:gd name="connsiteY6" fmla="*/ 155346 h 219393"/>
                  <a:gd name="connsiteX7" fmla="*/ 152422 w 219395"/>
                  <a:gd name="connsiteY7" fmla="*/ 109734 h 219393"/>
                  <a:gd name="connsiteX8" fmla="*/ 109166 w 219395"/>
                  <a:gd name="connsiteY8" fmla="*/ 64122 h 219393"/>
                  <a:gd name="connsiteX9" fmla="*/ 65911 w 219395"/>
                  <a:gd name="connsiteY9" fmla="*/ 109734 h 219393"/>
                  <a:gd name="connsiteX10" fmla="*/ 109166 w 219395"/>
                  <a:gd name="connsiteY10" fmla="*/ 155346 h 21939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l="l" t="t" r="r" b="b"/>
                <a:pathLst>
                  <a:path w="219395" h="219393">
                    <a:moveTo>
                      <a:pt x="109166" y="219392"/>
                    </a:moveTo>
                    <a:cubicBezTo>
                      <a:pt x="48582" y="219099"/>
                      <a:pt x="-291" y="169748"/>
                      <a:pt x="1" y="109165"/>
                    </a:cubicBezTo>
                    <a:cubicBezTo>
                      <a:pt x="298" y="48582"/>
                      <a:pt x="49646" y="-293"/>
                      <a:pt x="110230" y="1"/>
                    </a:cubicBezTo>
                    <a:cubicBezTo>
                      <a:pt x="170606" y="294"/>
                      <a:pt x="219395" y="49320"/>
                      <a:pt x="219395" y="109696"/>
                    </a:cubicBezTo>
                    <a:cubicBezTo>
                      <a:pt x="219334" y="170342"/>
                      <a:pt x="170119" y="219456"/>
                      <a:pt x="109470" y="219393"/>
                    </a:cubicBezTo>
                    <a:cubicBezTo>
                      <a:pt x="109368" y="219393"/>
                      <a:pt x="109269" y="219393"/>
                      <a:pt x="109166" y="219392"/>
                    </a:cubicBezTo>
                    <a:moveTo>
                      <a:pt x="109166" y="155346"/>
                    </a:moveTo>
                    <a:cubicBezTo>
                      <a:pt x="133683" y="155346"/>
                      <a:pt x="152422" y="134934"/>
                      <a:pt x="152422" y="109734"/>
                    </a:cubicBezTo>
                    <a:cubicBezTo>
                      <a:pt x="152422" y="84533"/>
                      <a:pt x="133683" y="64122"/>
                      <a:pt x="109166" y="64122"/>
                    </a:cubicBezTo>
                    <a:cubicBezTo>
                      <a:pt x="84650" y="64122"/>
                      <a:pt x="65911" y="84571"/>
                      <a:pt x="65911" y="109734"/>
                    </a:cubicBezTo>
                    <a:cubicBezTo>
                      <a:pt x="65911" y="134896"/>
                      <a:pt x="84612" y="155346"/>
                      <a:pt x="109166" y="155346"/>
                    </a:cubicBezTo>
                  </a:path>
                </a:pathLst>
              </a:custGeom>
              <a:solidFill>
                <a:srgbClr val="FE6800"/>
              </a:solidFill>
              <a:ln w="3791"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252" name="Freeform: Shape 251">
                <a:extLst>
                  <a:ext uri="{FF2B5EF4-FFF2-40B4-BE49-F238E27FC236}">
                    <a16:creationId xmlns:a16="http://schemas.microsoft.com/office/drawing/2014/main" id="{849C26CF-F61D-F485-465F-1FFA49EC3EEA}"/>
                  </a:ext>
                </a:extLst>
              </p:cNvPr>
              <p:cNvSpPr/>
              <p:nvPr/>
            </p:nvSpPr>
            <p:spPr>
              <a:xfrm>
                <a:off x="11114878" y="3272040"/>
                <a:ext cx="66897" cy="211715"/>
              </a:xfrm>
              <a:custGeom>
                <a:avLst/>
                <a:gdLst>
                  <a:gd name="connsiteX0" fmla="*/ 50933 w 66897"/>
                  <a:gd name="connsiteY0" fmla="*/ 0 h 211715"/>
                  <a:gd name="connsiteX1" fmla="*/ 66898 w 66897"/>
                  <a:gd name="connsiteY1" fmla="*/ 15964 h 211715"/>
                  <a:gd name="connsiteX2" fmla="*/ 66898 w 66897"/>
                  <a:gd name="connsiteY2" fmla="*/ 195752 h 211715"/>
                  <a:gd name="connsiteX3" fmla="*/ 50933 w 66897"/>
                  <a:gd name="connsiteY3" fmla="*/ 211716 h 211715"/>
                  <a:gd name="connsiteX4" fmla="*/ 15964 w 66897"/>
                  <a:gd name="connsiteY4" fmla="*/ 211716 h 211715"/>
                  <a:gd name="connsiteX5" fmla="*/ 0 w 66897"/>
                  <a:gd name="connsiteY5" fmla="*/ 195752 h 211715"/>
                  <a:gd name="connsiteX6" fmla="*/ 0 w 66897"/>
                  <a:gd name="connsiteY6" fmla="*/ 15964 h 211715"/>
                  <a:gd name="connsiteX7" fmla="*/ 15964 w 66897"/>
                  <a:gd name="connsiteY7" fmla="*/ 0 h 21171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66897" h="211715">
                    <a:moveTo>
                      <a:pt x="50933" y="0"/>
                    </a:moveTo>
                    <a:cubicBezTo>
                      <a:pt x="59750" y="0"/>
                      <a:pt x="66898" y="7147"/>
                      <a:pt x="66898" y="15964"/>
                    </a:cubicBezTo>
                    <a:lnTo>
                      <a:pt x="66898" y="195752"/>
                    </a:lnTo>
                    <a:cubicBezTo>
                      <a:pt x="66898" y="204568"/>
                      <a:pt x="59750" y="211716"/>
                      <a:pt x="50933" y="211716"/>
                    </a:cubicBezTo>
                    <a:lnTo>
                      <a:pt x="15964" y="211716"/>
                    </a:lnTo>
                    <a:cubicBezTo>
                      <a:pt x="7147" y="211716"/>
                      <a:pt x="0" y="204568"/>
                      <a:pt x="0" y="195752"/>
                    </a:cubicBezTo>
                    <a:lnTo>
                      <a:pt x="0" y="15964"/>
                    </a:lnTo>
                    <a:cubicBezTo>
                      <a:pt x="0" y="7147"/>
                      <a:pt x="7147" y="0"/>
                      <a:pt x="15964" y="0"/>
                    </a:cubicBezTo>
                    <a:close/>
                  </a:path>
                </a:pathLst>
              </a:custGeom>
              <a:solidFill>
                <a:srgbClr val="FE6800"/>
              </a:solidFill>
              <a:ln w="3791"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253" name="Freeform: Shape 252">
                <a:extLst>
                  <a:ext uri="{FF2B5EF4-FFF2-40B4-BE49-F238E27FC236}">
                    <a16:creationId xmlns:a16="http://schemas.microsoft.com/office/drawing/2014/main" id="{E1785677-8FA3-135E-8F15-22B47EC28D64}"/>
                  </a:ext>
                </a:extLst>
              </p:cNvPr>
              <p:cNvSpPr/>
              <p:nvPr/>
            </p:nvSpPr>
            <p:spPr>
              <a:xfrm>
                <a:off x="11445148" y="3272230"/>
                <a:ext cx="180091" cy="213237"/>
              </a:xfrm>
              <a:custGeom>
                <a:avLst/>
                <a:gdLst>
                  <a:gd name="connsiteX0" fmla="*/ 180092 w 180091"/>
                  <a:gd name="connsiteY0" fmla="*/ 212438 h 213237"/>
                  <a:gd name="connsiteX1" fmla="*/ 180092 w 180091"/>
                  <a:gd name="connsiteY1" fmla="*/ 20145 h 213237"/>
                  <a:gd name="connsiteX2" fmla="*/ 161087 w 180091"/>
                  <a:gd name="connsiteY2" fmla="*/ 0 h 213237"/>
                  <a:gd name="connsiteX3" fmla="*/ 115475 w 180091"/>
                  <a:gd name="connsiteY3" fmla="*/ 0 h 213237"/>
                  <a:gd name="connsiteX4" fmla="*/ 115475 w 180091"/>
                  <a:gd name="connsiteY4" fmla="*/ 71459 h 213237"/>
                  <a:gd name="connsiteX5" fmla="*/ 109408 w 180091"/>
                  <a:gd name="connsiteY5" fmla="*/ 78364 h 213237"/>
                  <a:gd name="connsiteX6" fmla="*/ 108899 w 180091"/>
                  <a:gd name="connsiteY6" fmla="*/ 78377 h 213237"/>
                  <a:gd name="connsiteX7" fmla="*/ 97040 w 180091"/>
                  <a:gd name="connsiteY7" fmla="*/ 70775 h 213237"/>
                  <a:gd name="connsiteX8" fmla="*/ 57433 w 180091"/>
                  <a:gd name="connsiteY8" fmla="*/ 32156 h 213237"/>
                  <a:gd name="connsiteX9" fmla="*/ 9541 w 180091"/>
                  <a:gd name="connsiteY9" fmla="*/ 266 h 213237"/>
                  <a:gd name="connsiteX10" fmla="*/ 0 w 180091"/>
                  <a:gd name="connsiteY10" fmla="*/ 1672 h 213237"/>
                  <a:gd name="connsiteX11" fmla="*/ 0 w 180091"/>
                  <a:gd name="connsiteY11" fmla="*/ 195790 h 213237"/>
                  <a:gd name="connsiteX12" fmla="*/ 16534 w 180091"/>
                  <a:gd name="connsiteY12" fmla="*/ 211716 h 213237"/>
                  <a:gd name="connsiteX13" fmla="*/ 64351 w 180091"/>
                  <a:gd name="connsiteY13" fmla="*/ 211716 h 213237"/>
                  <a:gd name="connsiteX14" fmla="*/ 64351 w 180091"/>
                  <a:gd name="connsiteY14" fmla="*/ 145692 h 213237"/>
                  <a:gd name="connsiteX15" fmla="*/ 70703 w 180091"/>
                  <a:gd name="connsiteY15" fmla="*/ 138111 h 213237"/>
                  <a:gd name="connsiteX16" fmla="*/ 71611 w 180091"/>
                  <a:gd name="connsiteY16" fmla="*/ 138090 h 213237"/>
                  <a:gd name="connsiteX17" fmla="*/ 85333 w 180091"/>
                  <a:gd name="connsiteY17" fmla="*/ 147859 h 213237"/>
                  <a:gd name="connsiteX18" fmla="*/ 116311 w 180091"/>
                  <a:gd name="connsiteY18" fmla="*/ 179027 h 213237"/>
                  <a:gd name="connsiteX19" fmla="*/ 171539 w 180091"/>
                  <a:gd name="connsiteY19" fmla="*/ 213236 h 213237"/>
                  <a:gd name="connsiteX20" fmla="*/ 180092 w 180091"/>
                  <a:gd name="connsiteY20" fmla="*/ 212438 h 2132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l="l" t="t" r="r" b="b"/>
                <a:pathLst>
                  <a:path w="180091" h="213237">
                    <a:moveTo>
                      <a:pt x="180092" y="212438"/>
                    </a:moveTo>
                    <a:lnTo>
                      <a:pt x="180092" y="20145"/>
                    </a:lnTo>
                    <a:cubicBezTo>
                      <a:pt x="180092" y="7184"/>
                      <a:pt x="176291" y="0"/>
                      <a:pt x="161087" y="0"/>
                    </a:cubicBezTo>
                    <a:lnTo>
                      <a:pt x="115475" y="0"/>
                    </a:lnTo>
                    <a:lnTo>
                      <a:pt x="115475" y="71459"/>
                    </a:lnTo>
                    <a:cubicBezTo>
                      <a:pt x="115706" y="75041"/>
                      <a:pt x="112989" y="78133"/>
                      <a:pt x="109408" y="78364"/>
                    </a:cubicBezTo>
                    <a:cubicBezTo>
                      <a:pt x="109237" y="78375"/>
                      <a:pt x="109070" y="78379"/>
                      <a:pt x="108899" y="78377"/>
                    </a:cubicBezTo>
                    <a:cubicBezTo>
                      <a:pt x="105098" y="78377"/>
                      <a:pt x="102969" y="76476"/>
                      <a:pt x="97040" y="70775"/>
                    </a:cubicBezTo>
                    <a:cubicBezTo>
                      <a:pt x="87575" y="61348"/>
                      <a:pt x="69444" y="43331"/>
                      <a:pt x="57433" y="32156"/>
                    </a:cubicBezTo>
                    <a:cubicBezTo>
                      <a:pt x="35273" y="11517"/>
                      <a:pt x="24555" y="266"/>
                      <a:pt x="9541" y="266"/>
                    </a:cubicBezTo>
                    <a:cubicBezTo>
                      <a:pt x="6306" y="203"/>
                      <a:pt x="3079" y="678"/>
                      <a:pt x="0" y="1672"/>
                    </a:cubicBezTo>
                    <a:lnTo>
                      <a:pt x="0" y="195790"/>
                    </a:lnTo>
                    <a:cubicBezTo>
                      <a:pt x="0" y="206280"/>
                      <a:pt x="3573" y="211716"/>
                      <a:pt x="16534" y="211716"/>
                    </a:cubicBezTo>
                    <a:lnTo>
                      <a:pt x="64351" y="211716"/>
                    </a:lnTo>
                    <a:lnTo>
                      <a:pt x="64351" y="145692"/>
                    </a:lnTo>
                    <a:cubicBezTo>
                      <a:pt x="64013" y="141845"/>
                      <a:pt x="66856" y="138451"/>
                      <a:pt x="70703" y="138111"/>
                    </a:cubicBezTo>
                    <a:cubicBezTo>
                      <a:pt x="71007" y="138085"/>
                      <a:pt x="71307" y="138078"/>
                      <a:pt x="71611" y="138090"/>
                    </a:cubicBezTo>
                    <a:cubicBezTo>
                      <a:pt x="76818" y="138090"/>
                      <a:pt x="79213" y="141473"/>
                      <a:pt x="85333" y="147859"/>
                    </a:cubicBezTo>
                    <a:cubicBezTo>
                      <a:pt x="92478" y="155157"/>
                      <a:pt x="102855" y="166028"/>
                      <a:pt x="116311" y="179027"/>
                    </a:cubicBezTo>
                    <a:cubicBezTo>
                      <a:pt x="144134" y="205938"/>
                      <a:pt x="155993" y="213236"/>
                      <a:pt x="171539" y="213236"/>
                    </a:cubicBezTo>
                    <a:cubicBezTo>
                      <a:pt x="174409" y="213260"/>
                      <a:pt x="177275" y="212993"/>
                      <a:pt x="180092" y="212438"/>
                    </a:cubicBezTo>
                    <a:close/>
                  </a:path>
                </a:pathLst>
              </a:custGeom>
              <a:solidFill>
                <a:srgbClr val="FE6800"/>
              </a:solidFill>
              <a:ln w="3791"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grpSp>
        <p:sp>
          <p:nvSpPr>
            <p:cNvPr id="242" name="Picture 208">
              <a:extLst>
                <a:ext uri="{FF2B5EF4-FFF2-40B4-BE49-F238E27FC236}">
                  <a16:creationId xmlns:a16="http://schemas.microsoft.com/office/drawing/2014/main" id="{9CECA459-BD2D-9FC4-C499-2A28CD63B498}"/>
                </a:ext>
              </a:extLst>
            </p:cNvPr>
            <p:cNvSpPr/>
            <p:nvPr/>
          </p:nvSpPr>
          <p:spPr>
            <a:xfrm>
              <a:off x="6411943" y="3047003"/>
              <a:ext cx="963865" cy="228550"/>
            </a:xfrm>
            <a:custGeom>
              <a:avLst/>
              <a:gdLst>
                <a:gd name="connsiteX0" fmla="*/ 217284 w 963865"/>
                <a:gd name="connsiteY0" fmla="*/ 0 h 228550"/>
                <a:gd name="connsiteX1" fmla="*/ 159265 w 963865"/>
                <a:gd name="connsiteY1" fmla="*/ 177046 h 228550"/>
                <a:gd name="connsiteX2" fmla="*/ 134815 w 963865"/>
                <a:gd name="connsiteY2" fmla="*/ 94961 h 228550"/>
                <a:gd name="connsiteX3" fmla="*/ 95421 w 963865"/>
                <a:gd name="connsiteY3" fmla="*/ 94961 h 228550"/>
                <a:gd name="connsiteX4" fmla="*/ 140640 w 963865"/>
                <a:gd name="connsiteY4" fmla="*/ 224795 h 228550"/>
                <a:gd name="connsiteX5" fmla="*/ 182564 w 963865"/>
                <a:gd name="connsiteY5" fmla="*/ 224795 h 228550"/>
                <a:gd name="connsiteX6" fmla="*/ 261507 w 963865"/>
                <a:gd name="connsiteY6" fmla="*/ 0 h 228550"/>
                <a:gd name="connsiteX7" fmla="*/ 67523 w 963865"/>
                <a:gd name="connsiteY7" fmla="*/ 177046 h 228550"/>
                <a:gd name="connsiteX8" fmla="*/ 39778 w 963865"/>
                <a:gd name="connsiteY8" fmla="*/ 94961 h 228550"/>
                <a:gd name="connsiteX9" fmla="*/ 0 w 963865"/>
                <a:gd name="connsiteY9" fmla="*/ 94961 h 228550"/>
                <a:gd name="connsiteX10" fmla="*/ 45143 w 963865"/>
                <a:gd name="connsiteY10" fmla="*/ 225255 h 228550"/>
                <a:gd name="connsiteX11" fmla="*/ 91129 w 963865"/>
                <a:gd name="connsiteY11" fmla="*/ 225255 h 228550"/>
                <a:gd name="connsiteX12" fmla="*/ 109293 w 963865"/>
                <a:gd name="connsiteY12" fmla="*/ 169765 h 228550"/>
                <a:gd name="connsiteX13" fmla="*/ 89366 w 963865"/>
                <a:gd name="connsiteY13" fmla="*/ 111899 h 228550"/>
                <a:gd name="connsiteX14" fmla="*/ 545547 w 963865"/>
                <a:gd name="connsiteY14" fmla="*/ 153287 h 228550"/>
                <a:gd name="connsiteX15" fmla="*/ 609237 w 963865"/>
                <a:gd name="connsiteY15" fmla="*/ 94655 h 228550"/>
                <a:gd name="connsiteX16" fmla="*/ 556200 w 963865"/>
                <a:gd name="connsiteY16" fmla="*/ 94655 h 228550"/>
                <a:gd name="connsiteX17" fmla="*/ 515273 w 963865"/>
                <a:gd name="connsiteY17" fmla="*/ 132976 h 228550"/>
                <a:gd name="connsiteX18" fmla="*/ 515273 w 963865"/>
                <a:gd name="connsiteY18" fmla="*/ 36329 h 228550"/>
                <a:gd name="connsiteX19" fmla="*/ 477794 w 963865"/>
                <a:gd name="connsiteY19" fmla="*/ 36329 h 228550"/>
                <a:gd name="connsiteX20" fmla="*/ 477794 w 963865"/>
                <a:gd name="connsiteY20" fmla="*/ 224795 h 228550"/>
                <a:gd name="connsiteX21" fmla="*/ 515656 w 963865"/>
                <a:gd name="connsiteY21" fmla="*/ 224795 h 228550"/>
                <a:gd name="connsiteX22" fmla="*/ 515656 w 963865"/>
                <a:gd name="connsiteY22" fmla="*/ 172908 h 228550"/>
                <a:gd name="connsiteX23" fmla="*/ 566394 w 963865"/>
                <a:gd name="connsiteY23" fmla="*/ 224795 h 228550"/>
                <a:gd name="connsiteX24" fmla="*/ 617208 w 963865"/>
                <a:gd name="connsiteY24" fmla="*/ 224795 h 228550"/>
                <a:gd name="connsiteX25" fmla="*/ 464688 w 963865"/>
                <a:gd name="connsiteY25" fmla="*/ 133743 h 228550"/>
                <a:gd name="connsiteX26" fmla="*/ 446677 w 963865"/>
                <a:gd name="connsiteY26" fmla="*/ 130294 h 228550"/>
                <a:gd name="connsiteX27" fmla="*/ 425830 w 963865"/>
                <a:gd name="connsiteY27" fmla="*/ 140104 h 228550"/>
                <a:gd name="connsiteX28" fmla="*/ 419239 w 963865"/>
                <a:gd name="connsiteY28" fmla="*/ 167236 h 228550"/>
                <a:gd name="connsiteX29" fmla="*/ 419239 w 963865"/>
                <a:gd name="connsiteY29" fmla="*/ 224795 h 228550"/>
                <a:gd name="connsiteX30" fmla="*/ 379921 w 963865"/>
                <a:gd name="connsiteY30" fmla="*/ 224795 h 228550"/>
                <a:gd name="connsiteX31" fmla="*/ 379921 w 963865"/>
                <a:gd name="connsiteY31" fmla="*/ 95038 h 228550"/>
                <a:gd name="connsiteX32" fmla="*/ 419315 w 963865"/>
                <a:gd name="connsiteY32" fmla="*/ 95038 h 228550"/>
                <a:gd name="connsiteX33" fmla="*/ 419315 w 963865"/>
                <a:gd name="connsiteY33" fmla="*/ 113586 h 228550"/>
                <a:gd name="connsiteX34" fmla="*/ 419852 w 963865"/>
                <a:gd name="connsiteY34" fmla="*/ 113586 h 228550"/>
                <a:gd name="connsiteX35" fmla="*/ 452195 w 963865"/>
                <a:gd name="connsiteY35" fmla="*/ 92662 h 228550"/>
                <a:gd name="connsiteX36" fmla="*/ 465225 w 963865"/>
                <a:gd name="connsiteY36" fmla="*/ 95268 h 228550"/>
                <a:gd name="connsiteX37" fmla="*/ 295460 w 963865"/>
                <a:gd name="connsiteY37" fmla="*/ 228551 h 228550"/>
                <a:gd name="connsiteX38" fmla="*/ 222955 w 963865"/>
                <a:gd name="connsiteY38" fmla="*/ 160568 h 228550"/>
                <a:gd name="connsiteX39" fmla="*/ 295460 w 963865"/>
                <a:gd name="connsiteY39" fmla="*/ 92662 h 228550"/>
                <a:gd name="connsiteX40" fmla="*/ 367888 w 963865"/>
                <a:gd name="connsiteY40" fmla="*/ 160951 h 228550"/>
                <a:gd name="connsiteX41" fmla="*/ 295460 w 963865"/>
                <a:gd name="connsiteY41" fmla="*/ 228551 h 228550"/>
                <a:gd name="connsiteX42" fmla="*/ 295460 w 963865"/>
                <a:gd name="connsiteY42" fmla="*/ 126078 h 228550"/>
                <a:gd name="connsiteX43" fmla="*/ 265799 w 963865"/>
                <a:gd name="connsiteY43" fmla="*/ 159955 h 228550"/>
                <a:gd name="connsiteX44" fmla="*/ 295460 w 963865"/>
                <a:gd name="connsiteY44" fmla="*/ 193908 h 228550"/>
                <a:gd name="connsiteX45" fmla="*/ 325121 w 963865"/>
                <a:gd name="connsiteY45" fmla="*/ 159955 h 228550"/>
                <a:gd name="connsiteX46" fmla="*/ 295460 w 963865"/>
                <a:gd name="connsiteY46" fmla="*/ 125849 h 228550"/>
                <a:gd name="connsiteX47" fmla="*/ 946927 w 963865"/>
                <a:gd name="connsiteY47" fmla="*/ 224872 h 228550"/>
                <a:gd name="connsiteX48" fmla="*/ 906690 w 963865"/>
                <a:gd name="connsiteY48" fmla="*/ 224872 h 228550"/>
                <a:gd name="connsiteX49" fmla="*/ 905923 w 963865"/>
                <a:gd name="connsiteY49" fmla="*/ 211612 h 228550"/>
                <a:gd name="connsiteX50" fmla="*/ 868828 w 963865"/>
                <a:gd name="connsiteY50" fmla="*/ 228244 h 228550"/>
                <a:gd name="connsiteX51" fmla="*/ 821462 w 963865"/>
                <a:gd name="connsiteY51" fmla="*/ 186703 h 228550"/>
                <a:gd name="connsiteX52" fmla="*/ 872277 w 963865"/>
                <a:gd name="connsiteY52" fmla="*/ 146772 h 228550"/>
                <a:gd name="connsiteX53" fmla="*/ 905080 w 963865"/>
                <a:gd name="connsiteY53" fmla="*/ 145469 h 228550"/>
                <a:gd name="connsiteX54" fmla="*/ 905080 w 963865"/>
                <a:gd name="connsiteY54" fmla="*/ 142557 h 228550"/>
                <a:gd name="connsiteX55" fmla="*/ 878332 w 963865"/>
                <a:gd name="connsiteY55" fmla="*/ 121556 h 228550"/>
                <a:gd name="connsiteX56" fmla="*/ 838324 w 963865"/>
                <a:gd name="connsiteY56" fmla="*/ 133283 h 228550"/>
                <a:gd name="connsiteX57" fmla="*/ 827211 w 963865"/>
                <a:gd name="connsiteY57" fmla="*/ 105691 h 228550"/>
                <a:gd name="connsiteX58" fmla="*/ 882700 w 963865"/>
                <a:gd name="connsiteY58" fmla="*/ 92662 h 228550"/>
                <a:gd name="connsiteX59" fmla="*/ 931369 w 963865"/>
                <a:gd name="connsiteY59" fmla="*/ 107991 h 228550"/>
                <a:gd name="connsiteX60" fmla="*/ 946697 w 963865"/>
                <a:gd name="connsiteY60" fmla="*/ 152290 h 228550"/>
                <a:gd name="connsiteX61" fmla="*/ 904850 w 963865"/>
                <a:gd name="connsiteY61" fmla="*/ 167926 h 228550"/>
                <a:gd name="connsiteX62" fmla="*/ 883927 w 963865"/>
                <a:gd name="connsiteY62" fmla="*/ 169229 h 228550"/>
                <a:gd name="connsiteX63" fmla="*/ 863233 w 963865"/>
                <a:gd name="connsiteY63" fmla="*/ 185094 h 228550"/>
                <a:gd name="connsiteX64" fmla="*/ 883160 w 963865"/>
                <a:gd name="connsiteY64" fmla="*/ 201189 h 228550"/>
                <a:gd name="connsiteX65" fmla="*/ 904774 w 963865"/>
                <a:gd name="connsiteY65" fmla="*/ 189309 h 228550"/>
                <a:gd name="connsiteX66" fmla="*/ 820543 w 963865"/>
                <a:gd name="connsiteY66" fmla="*/ 94885 h 228550"/>
                <a:gd name="connsiteX67" fmla="*/ 766892 w 963865"/>
                <a:gd name="connsiteY67" fmla="*/ 224642 h 228550"/>
                <a:gd name="connsiteX68" fmla="*/ 728111 w 963865"/>
                <a:gd name="connsiteY68" fmla="*/ 224642 h 228550"/>
                <a:gd name="connsiteX69" fmla="*/ 674844 w 963865"/>
                <a:gd name="connsiteY69" fmla="*/ 94885 h 228550"/>
                <a:gd name="connsiteX70" fmla="*/ 718760 w 963865"/>
                <a:gd name="connsiteY70" fmla="*/ 94885 h 228550"/>
                <a:gd name="connsiteX71" fmla="*/ 748268 w 963865"/>
                <a:gd name="connsiteY71" fmla="*/ 177046 h 228550"/>
                <a:gd name="connsiteX72" fmla="*/ 777469 w 963865"/>
                <a:gd name="connsiteY72" fmla="*/ 94808 h 228550"/>
                <a:gd name="connsiteX73" fmla="*/ 663654 w 963865"/>
                <a:gd name="connsiteY73" fmla="*/ 224795 h 228550"/>
                <a:gd name="connsiteX74" fmla="*/ 621424 w 963865"/>
                <a:gd name="connsiteY74" fmla="*/ 224795 h 228550"/>
                <a:gd name="connsiteX75" fmla="*/ 621424 w 963865"/>
                <a:gd name="connsiteY75" fmla="*/ 95038 h 228550"/>
                <a:gd name="connsiteX76" fmla="*/ 663654 w 963865"/>
                <a:gd name="connsiteY76" fmla="*/ 95038 h 228550"/>
                <a:gd name="connsiteX77" fmla="*/ 621424 w 963865"/>
                <a:gd name="connsiteY77" fmla="*/ 84308 h 228550"/>
                <a:gd name="connsiteX78" fmla="*/ 621424 w 963865"/>
                <a:gd name="connsiteY78" fmla="*/ 36329 h 228550"/>
                <a:gd name="connsiteX79" fmla="*/ 673158 w 963865"/>
                <a:gd name="connsiteY79" fmla="*/ 36329 h 228550"/>
                <a:gd name="connsiteX80" fmla="*/ 950990 w 963865"/>
                <a:gd name="connsiteY80" fmla="*/ 94961 h 228550"/>
                <a:gd name="connsiteX81" fmla="*/ 938113 w 963865"/>
                <a:gd name="connsiteY81" fmla="*/ 82085 h 228550"/>
                <a:gd name="connsiteX82" fmla="*/ 950990 w 963865"/>
                <a:gd name="connsiteY82" fmla="*/ 69209 h 228550"/>
                <a:gd name="connsiteX83" fmla="*/ 963866 w 963865"/>
                <a:gd name="connsiteY83" fmla="*/ 82085 h 228550"/>
                <a:gd name="connsiteX84" fmla="*/ 950629 w 963865"/>
                <a:gd name="connsiteY84" fmla="*/ 94588 h 228550"/>
                <a:gd name="connsiteX85" fmla="*/ 950376 w 963865"/>
                <a:gd name="connsiteY85" fmla="*/ 94578 h 228550"/>
                <a:gd name="connsiteX86" fmla="*/ 950990 w 963865"/>
                <a:gd name="connsiteY86" fmla="*/ 71202 h 228550"/>
                <a:gd name="connsiteX87" fmla="*/ 939953 w 963865"/>
                <a:gd name="connsiteY87" fmla="*/ 82085 h 228550"/>
                <a:gd name="connsiteX88" fmla="*/ 950836 w 963865"/>
                <a:gd name="connsiteY88" fmla="*/ 93121 h 228550"/>
                <a:gd name="connsiteX89" fmla="*/ 961873 w 963865"/>
                <a:gd name="connsiteY89" fmla="*/ 82238 h 228550"/>
                <a:gd name="connsiteX90" fmla="*/ 951296 w 963865"/>
                <a:gd name="connsiteY90" fmla="*/ 71355 h 228550"/>
                <a:gd name="connsiteX91" fmla="*/ 951296 w 963865"/>
                <a:gd name="connsiteY91" fmla="*/ 71355 h 228550"/>
                <a:gd name="connsiteX92" fmla="*/ 957121 w 963865"/>
                <a:gd name="connsiteY92" fmla="*/ 89673 h 228550"/>
                <a:gd name="connsiteX93" fmla="*/ 953519 w 963865"/>
                <a:gd name="connsiteY93" fmla="*/ 89673 h 228550"/>
                <a:gd name="connsiteX94" fmla="*/ 950376 w 963865"/>
                <a:gd name="connsiteY94" fmla="*/ 83541 h 228550"/>
                <a:gd name="connsiteX95" fmla="*/ 948844 w 963865"/>
                <a:gd name="connsiteY95" fmla="*/ 83541 h 228550"/>
                <a:gd name="connsiteX96" fmla="*/ 948844 w 963865"/>
                <a:gd name="connsiteY96" fmla="*/ 89673 h 228550"/>
                <a:gd name="connsiteX97" fmla="*/ 945778 w 963865"/>
                <a:gd name="connsiteY97" fmla="*/ 89673 h 228550"/>
                <a:gd name="connsiteX98" fmla="*/ 945778 w 963865"/>
                <a:gd name="connsiteY98" fmla="*/ 74344 h 228550"/>
                <a:gd name="connsiteX99" fmla="*/ 951526 w 963865"/>
                <a:gd name="connsiteY99" fmla="*/ 74344 h 228550"/>
                <a:gd name="connsiteX100" fmla="*/ 956891 w 963865"/>
                <a:gd name="connsiteY100" fmla="*/ 78866 h 228550"/>
                <a:gd name="connsiteX101" fmla="*/ 953825 w 963865"/>
                <a:gd name="connsiteY101" fmla="*/ 83158 h 228550"/>
                <a:gd name="connsiteX102" fmla="*/ 950376 w 963865"/>
                <a:gd name="connsiteY102" fmla="*/ 77333 h 228550"/>
                <a:gd name="connsiteX103" fmla="*/ 948614 w 963865"/>
                <a:gd name="connsiteY103" fmla="*/ 77333 h 228550"/>
                <a:gd name="connsiteX104" fmla="*/ 948614 w 963865"/>
                <a:gd name="connsiteY104" fmla="*/ 81472 h 228550"/>
                <a:gd name="connsiteX105" fmla="*/ 950376 w 963865"/>
                <a:gd name="connsiteY105" fmla="*/ 81472 h 228550"/>
                <a:gd name="connsiteX106" fmla="*/ 953059 w 963865"/>
                <a:gd name="connsiteY106" fmla="*/ 79479 h 228550"/>
                <a:gd name="connsiteX107" fmla="*/ 950530 w 963865"/>
                <a:gd name="connsiteY107" fmla="*/ 77103 h 22855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 ang="0">
                  <a:pos x="connsiteX76" y="connsiteY76"/>
                </a:cxn>
                <a:cxn ang="0">
                  <a:pos x="connsiteX77" y="connsiteY77"/>
                </a:cxn>
                <a:cxn ang="0">
                  <a:pos x="connsiteX78" y="connsiteY78"/>
                </a:cxn>
                <a:cxn ang="0">
                  <a:pos x="connsiteX79" y="connsiteY79"/>
                </a:cxn>
                <a:cxn ang="0">
                  <a:pos x="connsiteX80" y="connsiteY80"/>
                </a:cxn>
                <a:cxn ang="0">
                  <a:pos x="connsiteX81" y="connsiteY81"/>
                </a:cxn>
                <a:cxn ang="0">
                  <a:pos x="connsiteX82" y="connsiteY82"/>
                </a:cxn>
                <a:cxn ang="0">
                  <a:pos x="connsiteX83" y="connsiteY83"/>
                </a:cxn>
                <a:cxn ang="0">
                  <a:pos x="connsiteX84" y="connsiteY84"/>
                </a:cxn>
                <a:cxn ang="0">
                  <a:pos x="connsiteX85" y="connsiteY85"/>
                </a:cxn>
                <a:cxn ang="0">
                  <a:pos x="connsiteX86" y="connsiteY86"/>
                </a:cxn>
                <a:cxn ang="0">
                  <a:pos x="connsiteX87" y="connsiteY87"/>
                </a:cxn>
                <a:cxn ang="0">
                  <a:pos x="connsiteX88" y="connsiteY88"/>
                </a:cxn>
                <a:cxn ang="0">
                  <a:pos x="connsiteX89" y="connsiteY89"/>
                </a:cxn>
                <a:cxn ang="0">
                  <a:pos x="connsiteX90" y="connsiteY90"/>
                </a:cxn>
                <a:cxn ang="0">
                  <a:pos x="connsiteX91" y="connsiteY91"/>
                </a:cxn>
                <a:cxn ang="0">
                  <a:pos x="connsiteX92" y="connsiteY92"/>
                </a:cxn>
                <a:cxn ang="0">
                  <a:pos x="connsiteX93" y="connsiteY93"/>
                </a:cxn>
                <a:cxn ang="0">
                  <a:pos x="connsiteX94" y="connsiteY94"/>
                </a:cxn>
                <a:cxn ang="0">
                  <a:pos x="connsiteX95" y="connsiteY95"/>
                </a:cxn>
                <a:cxn ang="0">
                  <a:pos x="connsiteX96" y="connsiteY96"/>
                </a:cxn>
                <a:cxn ang="0">
                  <a:pos x="connsiteX97" y="connsiteY97"/>
                </a:cxn>
                <a:cxn ang="0">
                  <a:pos x="connsiteX98" y="connsiteY98"/>
                </a:cxn>
                <a:cxn ang="0">
                  <a:pos x="connsiteX99" y="connsiteY99"/>
                </a:cxn>
                <a:cxn ang="0">
                  <a:pos x="connsiteX100" y="connsiteY100"/>
                </a:cxn>
                <a:cxn ang="0">
                  <a:pos x="connsiteX101" y="connsiteY101"/>
                </a:cxn>
                <a:cxn ang="0">
                  <a:pos x="connsiteX102" y="connsiteY102"/>
                </a:cxn>
                <a:cxn ang="0">
                  <a:pos x="connsiteX103" y="connsiteY103"/>
                </a:cxn>
                <a:cxn ang="0">
                  <a:pos x="connsiteX104" y="connsiteY104"/>
                </a:cxn>
                <a:cxn ang="0">
                  <a:pos x="connsiteX105" y="connsiteY105"/>
                </a:cxn>
                <a:cxn ang="0">
                  <a:pos x="connsiteX106" y="connsiteY106"/>
                </a:cxn>
                <a:cxn ang="0">
                  <a:pos x="connsiteX107" y="connsiteY107"/>
                </a:cxn>
              </a:cxnLst>
              <a:rect l="l" t="t" r="r" b="b"/>
              <a:pathLst>
                <a:path w="963865" h="228550">
                  <a:moveTo>
                    <a:pt x="217284" y="0"/>
                  </a:moveTo>
                  <a:lnTo>
                    <a:pt x="159265" y="177046"/>
                  </a:lnTo>
                  <a:lnTo>
                    <a:pt x="134815" y="94961"/>
                  </a:lnTo>
                  <a:lnTo>
                    <a:pt x="95421" y="94961"/>
                  </a:lnTo>
                  <a:lnTo>
                    <a:pt x="140640" y="224795"/>
                  </a:lnTo>
                  <a:lnTo>
                    <a:pt x="182564" y="224795"/>
                  </a:lnTo>
                  <a:lnTo>
                    <a:pt x="261507" y="0"/>
                  </a:lnTo>
                  <a:close/>
                  <a:moveTo>
                    <a:pt x="67523" y="177046"/>
                  </a:moveTo>
                  <a:lnTo>
                    <a:pt x="39778" y="94961"/>
                  </a:lnTo>
                  <a:lnTo>
                    <a:pt x="0" y="94961"/>
                  </a:lnTo>
                  <a:lnTo>
                    <a:pt x="45143" y="225255"/>
                  </a:lnTo>
                  <a:lnTo>
                    <a:pt x="91129" y="225255"/>
                  </a:lnTo>
                  <a:lnTo>
                    <a:pt x="109293" y="169765"/>
                  </a:lnTo>
                  <a:lnTo>
                    <a:pt x="89366" y="111899"/>
                  </a:lnTo>
                  <a:close/>
                  <a:moveTo>
                    <a:pt x="545547" y="153287"/>
                  </a:moveTo>
                  <a:lnTo>
                    <a:pt x="609237" y="94655"/>
                  </a:lnTo>
                  <a:lnTo>
                    <a:pt x="556200" y="94655"/>
                  </a:lnTo>
                  <a:lnTo>
                    <a:pt x="515273" y="132976"/>
                  </a:lnTo>
                  <a:lnTo>
                    <a:pt x="515273" y="36329"/>
                  </a:lnTo>
                  <a:lnTo>
                    <a:pt x="477794" y="36329"/>
                  </a:lnTo>
                  <a:lnTo>
                    <a:pt x="477794" y="224795"/>
                  </a:lnTo>
                  <a:lnTo>
                    <a:pt x="515656" y="224795"/>
                  </a:lnTo>
                  <a:lnTo>
                    <a:pt x="515656" y="172908"/>
                  </a:lnTo>
                  <a:lnTo>
                    <a:pt x="566394" y="224795"/>
                  </a:lnTo>
                  <a:lnTo>
                    <a:pt x="617208" y="224795"/>
                  </a:lnTo>
                  <a:close/>
                  <a:moveTo>
                    <a:pt x="464688" y="133743"/>
                  </a:moveTo>
                  <a:cubicBezTo>
                    <a:pt x="459125" y="130932"/>
                    <a:pt x="452885" y="129737"/>
                    <a:pt x="446677" y="130294"/>
                  </a:cubicBezTo>
                  <a:cubicBezTo>
                    <a:pt x="438625" y="130347"/>
                    <a:pt x="431003" y="133934"/>
                    <a:pt x="425830" y="140104"/>
                  </a:cubicBezTo>
                  <a:cubicBezTo>
                    <a:pt x="420874" y="148247"/>
                    <a:pt x="418571" y="157728"/>
                    <a:pt x="419239" y="167236"/>
                  </a:cubicBezTo>
                  <a:lnTo>
                    <a:pt x="419239" y="224795"/>
                  </a:lnTo>
                  <a:lnTo>
                    <a:pt x="379921" y="224795"/>
                  </a:lnTo>
                  <a:lnTo>
                    <a:pt x="379921" y="95038"/>
                  </a:lnTo>
                  <a:lnTo>
                    <a:pt x="419315" y="95038"/>
                  </a:lnTo>
                  <a:lnTo>
                    <a:pt x="419315" y="113586"/>
                  </a:lnTo>
                  <a:lnTo>
                    <a:pt x="419852" y="113586"/>
                  </a:lnTo>
                  <a:cubicBezTo>
                    <a:pt x="425371" y="100679"/>
                    <a:pt x="438161" y="92405"/>
                    <a:pt x="452195" y="92662"/>
                  </a:cubicBezTo>
                  <a:cubicBezTo>
                    <a:pt x="456683" y="92486"/>
                    <a:pt x="461149" y="93379"/>
                    <a:pt x="465225" y="95268"/>
                  </a:cubicBezTo>
                  <a:close/>
                  <a:moveTo>
                    <a:pt x="295460" y="228551"/>
                  </a:moveTo>
                  <a:cubicBezTo>
                    <a:pt x="254149" y="228551"/>
                    <a:pt x="222955" y="202569"/>
                    <a:pt x="222955" y="160568"/>
                  </a:cubicBezTo>
                  <a:cubicBezTo>
                    <a:pt x="222955" y="118567"/>
                    <a:pt x="254226" y="92662"/>
                    <a:pt x="295460" y="92662"/>
                  </a:cubicBezTo>
                  <a:cubicBezTo>
                    <a:pt x="336694" y="92662"/>
                    <a:pt x="367888" y="118567"/>
                    <a:pt x="367888" y="160951"/>
                  </a:cubicBezTo>
                  <a:cubicBezTo>
                    <a:pt x="367888" y="203335"/>
                    <a:pt x="336770" y="228551"/>
                    <a:pt x="295460" y="228551"/>
                  </a:cubicBezTo>
                  <a:close/>
                  <a:moveTo>
                    <a:pt x="295460" y="126078"/>
                  </a:moveTo>
                  <a:cubicBezTo>
                    <a:pt x="276912" y="126078"/>
                    <a:pt x="265799" y="140641"/>
                    <a:pt x="265799" y="159955"/>
                  </a:cubicBezTo>
                  <a:cubicBezTo>
                    <a:pt x="265799" y="179269"/>
                    <a:pt x="276682" y="193908"/>
                    <a:pt x="295460" y="193908"/>
                  </a:cubicBezTo>
                  <a:cubicBezTo>
                    <a:pt x="314237" y="193908"/>
                    <a:pt x="325121" y="179269"/>
                    <a:pt x="325121" y="159955"/>
                  </a:cubicBezTo>
                  <a:cubicBezTo>
                    <a:pt x="325121" y="140641"/>
                    <a:pt x="314237" y="125849"/>
                    <a:pt x="295460" y="125849"/>
                  </a:cubicBezTo>
                  <a:close/>
                  <a:moveTo>
                    <a:pt x="946927" y="224872"/>
                  </a:moveTo>
                  <a:lnTo>
                    <a:pt x="906690" y="224872"/>
                  </a:lnTo>
                  <a:lnTo>
                    <a:pt x="905923" y="211612"/>
                  </a:lnTo>
                  <a:cubicBezTo>
                    <a:pt x="896542" y="222261"/>
                    <a:pt x="883015" y="228326"/>
                    <a:pt x="868828" y="228244"/>
                  </a:cubicBezTo>
                  <a:cubicBezTo>
                    <a:pt x="845835" y="228244"/>
                    <a:pt x="821462" y="215905"/>
                    <a:pt x="821462" y="186703"/>
                  </a:cubicBezTo>
                  <a:cubicBezTo>
                    <a:pt x="821462" y="157502"/>
                    <a:pt x="848134" y="147845"/>
                    <a:pt x="872277" y="146772"/>
                  </a:cubicBezTo>
                  <a:lnTo>
                    <a:pt x="905080" y="145469"/>
                  </a:lnTo>
                  <a:lnTo>
                    <a:pt x="905080" y="142557"/>
                  </a:lnTo>
                  <a:cubicBezTo>
                    <a:pt x="905080" y="128761"/>
                    <a:pt x="895270" y="121556"/>
                    <a:pt x="878332" y="121556"/>
                  </a:cubicBezTo>
                  <a:cubicBezTo>
                    <a:pt x="864222" y="122054"/>
                    <a:pt x="850464" y="126086"/>
                    <a:pt x="838324" y="133283"/>
                  </a:cubicBezTo>
                  <a:lnTo>
                    <a:pt x="827211" y="105691"/>
                  </a:lnTo>
                  <a:cubicBezTo>
                    <a:pt x="844532" y="97337"/>
                    <a:pt x="863471" y="92889"/>
                    <a:pt x="882700" y="92662"/>
                  </a:cubicBezTo>
                  <a:cubicBezTo>
                    <a:pt x="907073" y="92662"/>
                    <a:pt x="921022" y="98257"/>
                    <a:pt x="931369" y="107991"/>
                  </a:cubicBezTo>
                  <a:cubicBezTo>
                    <a:pt x="941716" y="117724"/>
                    <a:pt x="946697" y="130294"/>
                    <a:pt x="946697" y="152290"/>
                  </a:cubicBezTo>
                  <a:close/>
                  <a:moveTo>
                    <a:pt x="904850" y="167926"/>
                  </a:moveTo>
                  <a:lnTo>
                    <a:pt x="883927" y="169229"/>
                  </a:lnTo>
                  <a:cubicBezTo>
                    <a:pt x="870897" y="169765"/>
                    <a:pt x="863233" y="175437"/>
                    <a:pt x="863233" y="185094"/>
                  </a:cubicBezTo>
                  <a:cubicBezTo>
                    <a:pt x="863233" y="194751"/>
                    <a:pt x="871434" y="201189"/>
                    <a:pt x="883160" y="201189"/>
                  </a:cubicBezTo>
                  <a:cubicBezTo>
                    <a:pt x="891905" y="201118"/>
                    <a:pt x="900029" y="196654"/>
                    <a:pt x="904774" y="189309"/>
                  </a:cubicBezTo>
                  <a:close/>
                  <a:moveTo>
                    <a:pt x="820543" y="94885"/>
                  </a:moveTo>
                  <a:lnTo>
                    <a:pt x="766892" y="224642"/>
                  </a:lnTo>
                  <a:lnTo>
                    <a:pt x="728111" y="224642"/>
                  </a:lnTo>
                  <a:lnTo>
                    <a:pt x="674844" y="94885"/>
                  </a:lnTo>
                  <a:lnTo>
                    <a:pt x="718760" y="94885"/>
                  </a:lnTo>
                  <a:lnTo>
                    <a:pt x="748268" y="177046"/>
                  </a:lnTo>
                  <a:lnTo>
                    <a:pt x="777469" y="94808"/>
                  </a:lnTo>
                  <a:close/>
                  <a:moveTo>
                    <a:pt x="663654" y="224795"/>
                  </a:moveTo>
                  <a:lnTo>
                    <a:pt x="621424" y="224795"/>
                  </a:lnTo>
                  <a:lnTo>
                    <a:pt x="621424" y="95038"/>
                  </a:lnTo>
                  <a:lnTo>
                    <a:pt x="663654" y="95038"/>
                  </a:lnTo>
                  <a:close/>
                  <a:moveTo>
                    <a:pt x="621424" y="84308"/>
                  </a:moveTo>
                  <a:lnTo>
                    <a:pt x="621424" y="36329"/>
                  </a:lnTo>
                  <a:lnTo>
                    <a:pt x="673158" y="36329"/>
                  </a:lnTo>
                  <a:close/>
                  <a:moveTo>
                    <a:pt x="950990" y="94961"/>
                  </a:moveTo>
                  <a:cubicBezTo>
                    <a:pt x="943877" y="94961"/>
                    <a:pt x="938113" y="89196"/>
                    <a:pt x="938113" y="82085"/>
                  </a:cubicBezTo>
                  <a:cubicBezTo>
                    <a:pt x="938113" y="74974"/>
                    <a:pt x="943877" y="69209"/>
                    <a:pt x="950990" y="69209"/>
                  </a:cubicBezTo>
                  <a:cubicBezTo>
                    <a:pt x="958102" y="69209"/>
                    <a:pt x="963866" y="74974"/>
                    <a:pt x="963866" y="82085"/>
                  </a:cubicBezTo>
                  <a:cubicBezTo>
                    <a:pt x="963659" y="89194"/>
                    <a:pt x="957734" y="94791"/>
                    <a:pt x="950629" y="94588"/>
                  </a:cubicBezTo>
                  <a:cubicBezTo>
                    <a:pt x="950545" y="94585"/>
                    <a:pt x="950461" y="94582"/>
                    <a:pt x="950376" y="94578"/>
                  </a:cubicBezTo>
                  <a:close/>
                  <a:moveTo>
                    <a:pt x="950990" y="71202"/>
                  </a:moveTo>
                  <a:cubicBezTo>
                    <a:pt x="944935" y="71160"/>
                    <a:pt x="939999" y="76032"/>
                    <a:pt x="939953" y="82085"/>
                  </a:cubicBezTo>
                  <a:cubicBezTo>
                    <a:pt x="939915" y="88138"/>
                    <a:pt x="944781" y="93079"/>
                    <a:pt x="950836" y="93121"/>
                  </a:cubicBezTo>
                  <a:cubicBezTo>
                    <a:pt x="956891" y="93163"/>
                    <a:pt x="961827" y="88291"/>
                    <a:pt x="961873" y="82238"/>
                  </a:cubicBezTo>
                  <a:cubicBezTo>
                    <a:pt x="961957" y="76313"/>
                    <a:pt x="957221" y="71440"/>
                    <a:pt x="951296" y="71355"/>
                  </a:cubicBezTo>
                  <a:cubicBezTo>
                    <a:pt x="951296" y="71355"/>
                    <a:pt x="951296" y="71355"/>
                    <a:pt x="951296" y="71355"/>
                  </a:cubicBezTo>
                  <a:close/>
                  <a:moveTo>
                    <a:pt x="957121" y="89673"/>
                  </a:moveTo>
                  <a:lnTo>
                    <a:pt x="953519" y="89673"/>
                  </a:lnTo>
                  <a:lnTo>
                    <a:pt x="950376" y="83541"/>
                  </a:lnTo>
                  <a:lnTo>
                    <a:pt x="948844" y="83541"/>
                  </a:lnTo>
                  <a:lnTo>
                    <a:pt x="948844" y="89673"/>
                  </a:lnTo>
                  <a:lnTo>
                    <a:pt x="945778" y="89673"/>
                  </a:lnTo>
                  <a:lnTo>
                    <a:pt x="945778" y="74344"/>
                  </a:lnTo>
                  <a:lnTo>
                    <a:pt x="951526" y="74344"/>
                  </a:lnTo>
                  <a:cubicBezTo>
                    <a:pt x="954822" y="74344"/>
                    <a:pt x="956891" y="76107"/>
                    <a:pt x="956891" y="78866"/>
                  </a:cubicBezTo>
                  <a:cubicBezTo>
                    <a:pt x="957060" y="80856"/>
                    <a:pt x="955764" y="82676"/>
                    <a:pt x="953825" y="83158"/>
                  </a:cubicBezTo>
                  <a:close/>
                  <a:moveTo>
                    <a:pt x="950376" y="77333"/>
                  </a:moveTo>
                  <a:lnTo>
                    <a:pt x="948614" y="77333"/>
                  </a:lnTo>
                  <a:lnTo>
                    <a:pt x="948614" y="81472"/>
                  </a:lnTo>
                  <a:lnTo>
                    <a:pt x="950376" y="81472"/>
                  </a:lnTo>
                  <a:cubicBezTo>
                    <a:pt x="951756" y="81472"/>
                    <a:pt x="953059" y="81472"/>
                    <a:pt x="953059" y="79479"/>
                  </a:cubicBezTo>
                  <a:cubicBezTo>
                    <a:pt x="953059" y="77486"/>
                    <a:pt x="952063" y="77103"/>
                    <a:pt x="950530" y="77103"/>
                  </a:cubicBezTo>
                  <a:close/>
                </a:path>
              </a:pathLst>
            </a:custGeom>
            <a:solidFill>
              <a:srgbClr val="333333"/>
            </a:solidFill>
            <a:ln w="763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grpSp>
          <p:nvGrpSpPr>
            <p:cNvPr id="243" name="Group 242">
              <a:extLst>
                <a:ext uri="{FF2B5EF4-FFF2-40B4-BE49-F238E27FC236}">
                  <a16:creationId xmlns:a16="http://schemas.microsoft.com/office/drawing/2014/main" id="{C5447428-4F09-50CE-B96B-39AD896800E6}"/>
                </a:ext>
              </a:extLst>
            </p:cNvPr>
            <p:cNvGrpSpPr/>
            <p:nvPr/>
          </p:nvGrpSpPr>
          <p:grpSpPr>
            <a:xfrm>
              <a:off x="5699618" y="3000776"/>
              <a:ext cx="361467" cy="361628"/>
              <a:chOff x="1185191" y="3915712"/>
              <a:chExt cx="569233" cy="569486"/>
            </a:xfrm>
          </p:grpSpPr>
          <p:sp>
            <p:nvSpPr>
              <p:cNvPr id="244" name="Freeform: Shape 243">
                <a:extLst>
                  <a:ext uri="{FF2B5EF4-FFF2-40B4-BE49-F238E27FC236}">
                    <a16:creationId xmlns:a16="http://schemas.microsoft.com/office/drawing/2014/main" id="{7C796F70-89D8-E15B-A616-E4ED8A7B5777}"/>
                  </a:ext>
                </a:extLst>
              </p:cNvPr>
              <p:cNvSpPr/>
              <p:nvPr/>
            </p:nvSpPr>
            <p:spPr>
              <a:xfrm>
                <a:off x="1185191" y="3915712"/>
                <a:ext cx="569233" cy="569233"/>
              </a:xfrm>
              <a:custGeom>
                <a:avLst/>
                <a:gdLst>
                  <a:gd name="connsiteX0" fmla="*/ 569233 w 569233"/>
                  <a:gd name="connsiteY0" fmla="*/ 569233 h 569233"/>
                  <a:gd name="connsiteX1" fmla="*/ 0 w 569233"/>
                  <a:gd name="connsiteY1" fmla="*/ 569233 h 569233"/>
                  <a:gd name="connsiteX2" fmla="*/ 0 w 569233"/>
                  <a:gd name="connsiteY2" fmla="*/ 0 h 569233"/>
                  <a:gd name="connsiteX3" fmla="*/ 569233 w 569233"/>
                  <a:gd name="connsiteY3" fmla="*/ 0 h 569233"/>
                </a:gdLst>
                <a:ahLst/>
                <a:cxnLst>
                  <a:cxn ang="0">
                    <a:pos x="connsiteX0" y="connsiteY0"/>
                  </a:cxn>
                  <a:cxn ang="0">
                    <a:pos x="connsiteX1" y="connsiteY1"/>
                  </a:cxn>
                  <a:cxn ang="0">
                    <a:pos x="connsiteX2" y="connsiteY2"/>
                  </a:cxn>
                  <a:cxn ang="0">
                    <a:pos x="connsiteX3" y="connsiteY3"/>
                  </a:cxn>
                </a:cxnLst>
                <a:rect l="l" t="t" r="r" b="b"/>
                <a:pathLst>
                  <a:path w="569233" h="569233">
                    <a:moveTo>
                      <a:pt x="569233" y="569233"/>
                    </a:moveTo>
                    <a:lnTo>
                      <a:pt x="0" y="569233"/>
                    </a:lnTo>
                    <a:lnTo>
                      <a:pt x="0" y="0"/>
                    </a:lnTo>
                    <a:lnTo>
                      <a:pt x="569233" y="0"/>
                    </a:lnTo>
                    <a:close/>
                  </a:path>
                </a:pathLst>
              </a:custGeom>
              <a:solidFill>
                <a:srgbClr val="FFFFFF"/>
              </a:solidFill>
              <a:ln w="12488"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245" name="Freeform: Shape 244">
                <a:extLst>
                  <a:ext uri="{FF2B5EF4-FFF2-40B4-BE49-F238E27FC236}">
                    <a16:creationId xmlns:a16="http://schemas.microsoft.com/office/drawing/2014/main" id="{3843498F-9101-0667-017E-146EFCB605F7}"/>
                  </a:ext>
                </a:extLst>
              </p:cNvPr>
              <p:cNvSpPr/>
              <p:nvPr/>
            </p:nvSpPr>
            <p:spPr>
              <a:xfrm>
                <a:off x="1185191" y="3915965"/>
                <a:ext cx="569233" cy="569233"/>
              </a:xfrm>
              <a:custGeom>
                <a:avLst/>
                <a:gdLst>
                  <a:gd name="connsiteX0" fmla="*/ 569233 w 569233"/>
                  <a:gd name="connsiteY0" fmla="*/ 308071 h 569233"/>
                  <a:gd name="connsiteX1" fmla="*/ 569233 w 569233"/>
                  <a:gd name="connsiteY1" fmla="*/ 0 h 569233"/>
                  <a:gd name="connsiteX2" fmla="*/ 0 w 569233"/>
                  <a:gd name="connsiteY2" fmla="*/ 0 h 569233"/>
                  <a:gd name="connsiteX3" fmla="*/ 0 w 569233"/>
                  <a:gd name="connsiteY3" fmla="*/ 569233 h 569233"/>
                  <a:gd name="connsiteX4" fmla="*/ 569233 w 569233"/>
                  <a:gd name="connsiteY4" fmla="*/ 569233 h 569233"/>
                  <a:gd name="connsiteX5" fmla="*/ 569233 w 569233"/>
                  <a:gd name="connsiteY5" fmla="*/ 403154 h 569233"/>
                  <a:gd name="connsiteX6" fmla="*/ 569233 w 569233"/>
                  <a:gd name="connsiteY6" fmla="*/ 308071 h 56923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569233" h="569233">
                    <a:moveTo>
                      <a:pt x="569233" y="308071"/>
                    </a:moveTo>
                    <a:lnTo>
                      <a:pt x="569233" y="0"/>
                    </a:lnTo>
                    <a:lnTo>
                      <a:pt x="0" y="0"/>
                    </a:lnTo>
                    <a:lnTo>
                      <a:pt x="0" y="569233"/>
                    </a:lnTo>
                    <a:lnTo>
                      <a:pt x="569233" y="569233"/>
                    </a:lnTo>
                    <a:lnTo>
                      <a:pt x="569233" y="403154"/>
                    </a:lnTo>
                    <a:cubicBezTo>
                      <a:pt x="567965" y="403154"/>
                      <a:pt x="569233" y="308071"/>
                      <a:pt x="569233" y="308071"/>
                    </a:cubicBezTo>
                  </a:path>
                </a:pathLst>
              </a:custGeom>
              <a:solidFill>
                <a:srgbClr val="006FCF"/>
              </a:solidFill>
              <a:ln w="12488"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246" name="Freeform: Shape 245">
                <a:extLst>
                  <a:ext uri="{FF2B5EF4-FFF2-40B4-BE49-F238E27FC236}">
                    <a16:creationId xmlns:a16="http://schemas.microsoft.com/office/drawing/2014/main" id="{0951B25B-D21D-CB42-CDCD-6810A9EFEA34}"/>
                  </a:ext>
                </a:extLst>
              </p:cNvPr>
              <p:cNvSpPr/>
              <p:nvPr/>
            </p:nvSpPr>
            <p:spPr>
              <a:xfrm>
                <a:off x="1185191" y="4092186"/>
                <a:ext cx="569233" cy="234539"/>
              </a:xfrm>
              <a:custGeom>
                <a:avLst/>
                <a:gdLst>
                  <a:gd name="connsiteX0" fmla="*/ 499505 w 569233"/>
                  <a:gd name="connsiteY0" fmla="*/ 100155 h 234539"/>
                  <a:gd name="connsiteX1" fmla="*/ 542610 w 569233"/>
                  <a:gd name="connsiteY1" fmla="*/ 100155 h 234539"/>
                  <a:gd name="connsiteX2" fmla="*/ 542610 w 569233"/>
                  <a:gd name="connsiteY2" fmla="*/ 0 h 234539"/>
                  <a:gd name="connsiteX3" fmla="*/ 495702 w 569233"/>
                  <a:gd name="connsiteY3" fmla="*/ 0 h 234539"/>
                  <a:gd name="connsiteX4" fmla="*/ 495702 w 569233"/>
                  <a:gd name="connsiteY4" fmla="*/ 13946 h 234539"/>
                  <a:gd name="connsiteX5" fmla="*/ 486828 w 569233"/>
                  <a:gd name="connsiteY5" fmla="*/ 0 h 234539"/>
                  <a:gd name="connsiteX6" fmla="*/ 446259 w 569233"/>
                  <a:gd name="connsiteY6" fmla="*/ 0 h 234539"/>
                  <a:gd name="connsiteX7" fmla="*/ 446259 w 569233"/>
                  <a:gd name="connsiteY7" fmla="*/ 17749 h 234539"/>
                  <a:gd name="connsiteX8" fmla="*/ 438652 w 569233"/>
                  <a:gd name="connsiteY8" fmla="*/ 0 h 234539"/>
                  <a:gd name="connsiteX9" fmla="*/ 363853 w 569233"/>
                  <a:gd name="connsiteY9" fmla="*/ 0 h 234539"/>
                  <a:gd name="connsiteX10" fmla="*/ 356246 w 569233"/>
                  <a:gd name="connsiteY10" fmla="*/ 1268 h 234539"/>
                  <a:gd name="connsiteX11" fmla="*/ 349907 w 569233"/>
                  <a:gd name="connsiteY11" fmla="*/ 3803 h 234539"/>
                  <a:gd name="connsiteX12" fmla="*/ 343568 w 569233"/>
                  <a:gd name="connsiteY12" fmla="*/ 6339 h 234539"/>
                  <a:gd name="connsiteX13" fmla="*/ 343568 w 569233"/>
                  <a:gd name="connsiteY13" fmla="*/ 0 h 234539"/>
                  <a:gd name="connsiteX14" fmla="*/ 129314 w 569233"/>
                  <a:gd name="connsiteY14" fmla="*/ 0 h 234539"/>
                  <a:gd name="connsiteX15" fmla="*/ 122975 w 569233"/>
                  <a:gd name="connsiteY15" fmla="*/ 16481 h 234539"/>
                  <a:gd name="connsiteX16" fmla="*/ 116636 w 569233"/>
                  <a:gd name="connsiteY16" fmla="*/ 0 h 234539"/>
                  <a:gd name="connsiteX17" fmla="*/ 65925 w 569233"/>
                  <a:gd name="connsiteY17" fmla="*/ 0 h 234539"/>
                  <a:gd name="connsiteX18" fmla="*/ 65925 w 569233"/>
                  <a:gd name="connsiteY18" fmla="*/ 17749 h 234539"/>
                  <a:gd name="connsiteX19" fmla="*/ 58318 w 569233"/>
                  <a:gd name="connsiteY19" fmla="*/ 0 h 234539"/>
                  <a:gd name="connsiteX20" fmla="*/ 17749 w 569233"/>
                  <a:gd name="connsiteY20" fmla="*/ 0 h 234539"/>
                  <a:gd name="connsiteX21" fmla="*/ 0 w 569233"/>
                  <a:gd name="connsiteY21" fmla="*/ 43105 h 234539"/>
                  <a:gd name="connsiteX22" fmla="*/ 0 w 569233"/>
                  <a:gd name="connsiteY22" fmla="*/ 100155 h 234539"/>
                  <a:gd name="connsiteX23" fmla="*/ 29159 w 569233"/>
                  <a:gd name="connsiteY23" fmla="*/ 100155 h 234539"/>
                  <a:gd name="connsiteX24" fmla="*/ 34230 w 569233"/>
                  <a:gd name="connsiteY24" fmla="*/ 86209 h 234539"/>
                  <a:gd name="connsiteX25" fmla="*/ 44372 w 569233"/>
                  <a:gd name="connsiteY25" fmla="*/ 86209 h 234539"/>
                  <a:gd name="connsiteX26" fmla="*/ 49443 w 569233"/>
                  <a:gd name="connsiteY26" fmla="*/ 100155 h 234539"/>
                  <a:gd name="connsiteX27" fmla="*/ 272573 w 569233"/>
                  <a:gd name="connsiteY27" fmla="*/ 100155 h 234539"/>
                  <a:gd name="connsiteX28" fmla="*/ 272573 w 569233"/>
                  <a:gd name="connsiteY28" fmla="*/ 87477 h 234539"/>
                  <a:gd name="connsiteX29" fmla="*/ 281447 w 569233"/>
                  <a:gd name="connsiteY29" fmla="*/ 100155 h 234539"/>
                  <a:gd name="connsiteX30" fmla="*/ 343568 w 569233"/>
                  <a:gd name="connsiteY30" fmla="*/ 100155 h 234539"/>
                  <a:gd name="connsiteX31" fmla="*/ 343568 w 569233"/>
                  <a:gd name="connsiteY31" fmla="*/ 92548 h 234539"/>
                  <a:gd name="connsiteX32" fmla="*/ 348640 w 569233"/>
                  <a:gd name="connsiteY32" fmla="*/ 95084 h 234539"/>
                  <a:gd name="connsiteX33" fmla="*/ 353711 w 569233"/>
                  <a:gd name="connsiteY33" fmla="*/ 97619 h 234539"/>
                  <a:gd name="connsiteX34" fmla="*/ 361317 w 569233"/>
                  <a:gd name="connsiteY34" fmla="*/ 98887 h 234539"/>
                  <a:gd name="connsiteX35" fmla="*/ 406957 w 569233"/>
                  <a:gd name="connsiteY35" fmla="*/ 98887 h 234539"/>
                  <a:gd name="connsiteX36" fmla="*/ 412029 w 569233"/>
                  <a:gd name="connsiteY36" fmla="*/ 84941 h 234539"/>
                  <a:gd name="connsiteX37" fmla="*/ 422171 w 569233"/>
                  <a:gd name="connsiteY37" fmla="*/ 84941 h 234539"/>
                  <a:gd name="connsiteX38" fmla="*/ 427242 w 569233"/>
                  <a:gd name="connsiteY38" fmla="*/ 98887 h 234539"/>
                  <a:gd name="connsiteX39" fmla="*/ 489363 w 569233"/>
                  <a:gd name="connsiteY39" fmla="*/ 98887 h 234539"/>
                  <a:gd name="connsiteX40" fmla="*/ 489363 w 569233"/>
                  <a:gd name="connsiteY40" fmla="*/ 86209 h 234539"/>
                  <a:gd name="connsiteX41" fmla="*/ 499505 w 569233"/>
                  <a:gd name="connsiteY41" fmla="*/ 100155 h 234539"/>
                  <a:gd name="connsiteX42" fmla="*/ 569233 w 569233"/>
                  <a:gd name="connsiteY42" fmla="*/ 226933 h 234539"/>
                  <a:gd name="connsiteX43" fmla="*/ 569233 w 569233"/>
                  <a:gd name="connsiteY43" fmla="*/ 133117 h 234539"/>
                  <a:gd name="connsiteX44" fmla="*/ 220594 w 569233"/>
                  <a:gd name="connsiteY44" fmla="*/ 133117 h 234539"/>
                  <a:gd name="connsiteX45" fmla="*/ 211719 w 569233"/>
                  <a:gd name="connsiteY45" fmla="*/ 145795 h 234539"/>
                  <a:gd name="connsiteX46" fmla="*/ 202845 w 569233"/>
                  <a:gd name="connsiteY46" fmla="*/ 133117 h 234539"/>
                  <a:gd name="connsiteX47" fmla="*/ 101422 w 569233"/>
                  <a:gd name="connsiteY47" fmla="*/ 133117 h 234539"/>
                  <a:gd name="connsiteX48" fmla="*/ 101422 w 569233"/>
                  <a:gd name="connsiteY48" fmla="*/ 233272 h 234539"/>
                  <a:gd name="connsiteX49" fmla="*/ 202845 w 569233"/>
                  <a:gd name="connsiteY49" fmla="*/ 233272 h 234539"/>
                  <a:gd name="connsiteX50" fmla="*/ 211719 w 569233"/>
                  <a:gd name="connsiteY50" fmla="*/ 220594 h 234539"/>
                  <a:gd name="connsiteX51" fmla="*/ 220594 w 569233"/>
                  <a:gd name="connsiteY51" fmla="*/ 233272 h 234539"/>
                  <a:gd name="connsiteX52" fmla="*/ 283983 w 569233"/>
                  <a:gd name="connsiteY52" fmla="*/ 233272 h 234539"/>
                  <a:gd name="connsiteX53" fmla="*/ 283983 w 569233"/>
                  <a:gd name="connsiteY53" fmla="*/ 211719 h 234539"/>
                  <a:gd name="connsiteX54" fmla="*/ 281447 w 569233"/>
                  <a:gd name="connsiteY54" fmla="*/ 211719 h 234539"/>
                  <a:gd name="connsiteX55" fmla="*/ 304267 w 569233"/>
                  <a:gd name="connsiteY55" fmla="*/ 207916 h 234539"/>
                  <a:gd name="connsiteX56" fmla="*/ 304267 w 569233"/>
                  <a:gd name="connsiteY56" fmla="*/ 234539 h 234539"/>
                  <a:gd name="connsiteX57" fmla="*/ 349907 w 569233"/>
                  <a:gd name="connsiteY57" fmla="*/ 234539 h 234539"/>
                  <a:gd name="connsiteX58" fmla="*/ 349907 w 569233"/>
                  <a:gd name="connsiteY58" fmla="*/ 221862 h 234539"/>
                  <a:gd name="connsiteX59" fmla="*/ 358782 w 569233"/>
                  <a:gd name="connsiteY59" fmla="*/ 234539 h 234539"/>
                  <a:gd name="connsiteX60" fmla="*/ 547681 w 569233"/>
                  <a:gd name="connsiteY60" fmla="*/ 234539 h 234539"/>
                  <a:gd name="connsiteX61" fmla="*/ 569233 w 569233"/>
                  <a:gd name="connsiteY61" fmla="*/ 226933 h 23453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Lst>
                <a:rect l="l" t="t" r="r" b="b"/>
                <a:pathLst>
                  <a:path w="569233" h="234539">
                    <a:moveTo>
                      <a:pt x="499505" y="100155"/>
                    </a:moveTo>
                    <a:lnTo>
                      <a:pt x="542610" y="100155"/>
                    </a:lnTo>
                    <a:lnTo>
                      <a:pt x="542610" y="0"/>
                    </a:lnTo>
                    <a:lnTo>
                      <a:pt x="495702" y="0"/>
                    </a:lnTo>
                    <a:lnTo>
                      <a:pt x="495702" y="13946"/>
                    </a:lnTo>
                    <a:lnTo>
                      <a:pt x="486828" y="0"/>
                    </a:lnTo>
                    <a:lnTo>
                      <a:pt x="446259" y="0"/>
                    </a:lnTo>
                    <a:lnTo>
                      <a:pt x="446259" y="17749"/>
                    </a:lnTo>
                    <a:lnTo>
                      <a:pt x="438652" y="0"/>
                    </a:lnTo>
                    <a:lnTo>
                      <a:pt x="363853" y="0"/>
                    </a:lnTo>
                    <a:cubicBezTo>
                      <a:pt x="361317" y="0"/>
                      <a:pt x="358782" y="1268"/>
                      <a:pt x="356246" y="1268"/>
                    </a:cubicBezTo>
                    <a:cubicBezTo>
                      <a:pt x="353711" y="1268"/>
                      <a:pt x="352443" y="2536"/>
                      <a:pt x="349907" y="3803"/>
                    </a:cubicBezTo>
                    <a:cubicBezTo>
                      <a:pt x="347372" y="5071"/>
                      <a:pt x="346104" y="5071"/>
                      <a:pt x="343568" y="6339"/>
                    </a:cubicBezTo>
                    <a:lnTo>
                      <a:pt x="343568" y="0"/>
                    </a:lnTo>
                    <a:lnTo>
                      <a:pt x="129314" y="0"/>
                    </a:lnTo>
                    <a:lnTo>
                      <a:pt x="122975" y="16481"/>
                    </a:lnTo>
                    <a:lnTo>
                      <a:pt x="116636" y="0"/>
                    </a:lnTo>
                    <a:lnTo>
                      <a:pt x="65925" y="0"/>
                    </a:lnTo>
                    <a:lnTo>
                      <a:pt x="65925" y="17749"/>
                    </a:lnTo>
                    <a:lnTo>
                      <a:pt x="58318" y="0"/>
                    </a:lnTo>
                    <a:lnTo>
                      <a:pt x="17749" y="0"/>
                    </a:lnTo>
                    <a:lnTo>
                      <a:pt x="0" y="43105"/>
                    </a:lnTo>
                    <a:lnTo>
                      <a:pt x="0" y="100155"/>
                    </a:lnTo>
                    <a:lnTo>
                      <a:pt x="29159" y="100155"/>
                    </a:lnTo>
                    <a:lnTo>
                      <a:pt x="34230" y="86209"/>
                    </a:lnTo>
                    <a:lnTo>
                      <a:pt x="44372" y="86209"/>
                    </a:lnTo>
                    <a:lnTo>
                      <a:pt x="49443" y="100155"/>
                    </a:lnTo>
                    <a:lnTo>
                      <a:pt x="272573" y="100155"/>
                    </a:lnTo>
                    <a:lnTo>
                      <a:pt x="272573" y="87477"/>
                    </a:lnTo>
                    <a:lnTo>
                      <a:pt x="281447" y="100155"/>
                    </a:lnTo>
                    <a:lnTo>
                      <a:pt x="343568" y="100155"/>
                    </a:lnTo>
                    <a:lnTo>
                      <a:pt x="343568" y="92548"/>
                    </a:lnTo>
                    <a:cubicBezTo>
                      <a:pt x="344836" y="93816"/>
                      <a:pt x="347372" y="93816"/>
                      <a:pt x="348640" y="95084"/>
                    </a:cubicBezTo>
                    <a:cubicBezTo>
                      <a:pt x="349907" y="96351"/>
                      <a:pt x="352443" y="96351"/>
                      <a:pt x="353711" y="97619"/>
                    </a:cubicBezTo>
                    <a:cubicBezTo>
                      <a:pt x="356246" y="98887"/>
                      <a:pt x="358782" y="98887"/>
                      <a:pt x="361317" y="98887"/>
                    </a:cubicBezTo>
                    <a:lnTo>
                      <a:pt x="406957" y="98887"/>
                    </a:lnTo>
                    <a:lnTo>
                      <a:pt x="412029" y="84941"/>
                    </a:lnTo>
                    <a:lnTo>
                      <a:pt x="422171" y="84941"/>
                    </a:lnTo>
                    <a:lnTo>
                      <a:pt x="427242" y="98887"/>
                    </a:lnTo>
                    <a:lnTo>
                      <a:pt x="489363" y="98887"/>
                    </a:lnTo>
                    <a:lnTo>
                      <a:pt x="489363" y="86209"/>
                    </a:lnTo>
                    <a:lnTo>
                      <a:pt x="499505" y="100155"/>
                    </a:lnTo>
                    <a:close/>
                    <a:moveTo>
                      <a:pt x="569233" y="226933"/>
                    </a:moveTo>
                    <a:lnTo>
                      <a:pt x="569233" y="133117"/>
                    </a:lnTo>
                    <a:lnTo>
                      <a:pt x="220594" y="133117"/>
                    </a:lnTo>
                    <a:lnTo>
                      <a:pt x="211719" y="145795"/>
                    </a:lnTo>
                    <a:lnTo>
                      <a:pt x="202845" y="133117"/>
                    </a:lnTo>
                    <a:lnTo>
                      <a:pt x="101422" y="133117"/>
                    </a:lnTo>
                    <a:lnTo>
                      <a:pt x="101422" y="233272"/>
                    </a:lnTo>
                    <a:lnTo>
                      <a:pt x="202845" y="233272"/>
                    </a:lnTo>
                    <a:lnTo>
                      <a:pt x="211719" y="220594"/>
                    </a:lnTo>
                    <a:lnTo>
                      <a:pt x="220594" y="233272"/>
                    </a:lnTo>
                    <a:lnTo>
                      <a:pt x="283983" y="233272"/>
                    </a:lnTo>
                    <a:lnTo>
                      <a:pt x="283983" y="211719"/>
                    </a:lnTo>
                    <a:lnTo>
                      <a:pt x="281447" y="211719"/>
                    </a:lnTo>
                    <a:cubicBezTo>
                      <a:pt x="290322" y="211719"/>
                      <a:pt x="297928" y="210452"/>
                      <a:pt x="304267" y="207916"/>
                    </a:cubicBezTo>
                    <a:lnTo>
                      <a:pt x="304267" y="234539"/>
                    </a:lnTo>
                    <a:lnTo>
                      <a:pt x="349907" y="234539"/>
                    </a:lnTo>
                    <a:lnTo>
                      <a:pt x="349907" y="221862"/>
                    </a:lnTo>
                    <a:lnTo>
                      <a:pt x="358782" y="234539"/>
                    </a:lnTo>
                    <a:lnTo>
                      <a:pt x="547681" y="234539"/>
                    </a:lnTo>
                    <a:cubicBezTo>
                      <a:pt x="555288" y="232004"/>
                      <a:pt x="562894" y="230736"/>
                      <a:pt x="569233" y="226933"/>
                    </a:cubicBezTo>
                    <a:close/>
                  </a:path>
                </a:pathLst>
              </a:custGeom>
              <a:solidFill>
                <a:srgbClr val="FFFFFF"/>
              </a:solidFill>
              <a:ln w="12488"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247" name="Freeform: Shape 246">
                <a:extLst>
                  <a:ext uri="{FF2B5EF4-FFF2-40B4-BE49-F238E27FC236}">
                    <a16:creationId xmlns:a16="http://schemas.microsoft.com/office/drawing/2014/main" id="{87B84EC7-8316-8CF6-DEC5-E09AE89D97FD}"/>
                  </a:ext>
                </a:extLst>
              </p:cNvPr>
              <p:cNvSpPr/>
              <p:nvPr/>
            </p:nvSpPr>
            <p:spPr>
              <a:xfrm>
                <a:off x="1185191" y="4108668"/>
                <a:ext cx="569233" cy="200309"/>
              </a:xfrm>
              <a:custGeom>
                <a:avLst/>
                <a:gdLst>
                  <a:gd name="connsiteX0" fmla="*/ 547681 w 569233"/>
                  <a:gd name="connsiteY0" fmla="*/ 186364 h 200309"/>
                  <a:gd name="connsiteX1" fmla="*/ 513451 w 569233"/>
                  <a:gd name="connsiteY1" fmla="*/ 186364 h 200309"/>
                  <a:gd name="connsiteX2" fmla="*/ 513451 w 569233"/>
                  <a:gd name="connsiteY2" fmla="*/ 200309 h 200309"/>
                  <a:gd name="connsiteX3" fmla="*/ 546413 w 569233"/>
                  <a:gd name="connsiteY3" fmla="*/ 200309 h 200309"/>
                  <a:gd name="connsiteX4" fmla="*/ 569233 w 569233"/>
                  <a:gd name="connsiteY4" fmla="*/ 178757 h 200309"/>
                  <a:gd name="connsiteX5" fmla="*/ 548949 w 569233"/>
                  <a:gd name="connsiteY5" fmla="*/ 159740 h 200309"/>
                  <a:gd name="connsiteX6" fmla="*/ 533735 w 569233"/>
                  <a:gd name="connsiteY6" fmla="*/ 159740 h 200309"/>
                  <a:gd name="connsiteX7" fmla="*/ 527396 w 569233"/>
                  <a:gd name="connsiteY7" fmla="*/ 153402 h 200309"/>
                  <a:gd name="connsiteX8" fmla="*/ 533735 w 569233"/>
                  <a:gd name="connsiteY8" fmla="*/ 147063 h 200309"/>
                  <a:gd name="connsiteX9" fmla="*/ 562894 w 569233"/>
                  <a:gd name="connsiteY9" fmla="*/ 147063 h 200309"/>
                  <a:gd name="connsiteX10" fmla="*/ 569233 w 569233"/>
                  <a:gd name="connsiteY10" fmla="*/ 133117 h 200309"/>
                  <a:gd name="connsiteX11" fmla="*/ 535003 w 569233"/>
                  <a:gd name="connsiteY11" fmla="*/ 133117 h 200309"/>
                  <a:gd name="connsiteX12" fmla="*/ 512183 w 569233"/>
                  <a:gd name="connsiteY12" fmla="*/ 153402 h 200309"/>
                  <a:gd name="connsiteX13" fmla="*/ 532468 w 569233"/>
                  <a:gd name="connsiteY13" fmla="*/ 172418 h 200309"/>
                  <a:gd name="connsiteX14" fmla="*/ 547681 w 569233"/>
                  <a:gd name="connsiteY14" fmla="*/ 172418 h 200309"/>
                  <a:gd name="connsiteX15" fmla="*/ 554020 w 569233"/>
                  <a:gd name="connsiteY15" fmla="*/ 178757 h 200309"/>
                  <a:gd name="connsiteX16" fmla="*/ 547681 w 569233"/>
                  <a:gd name="connsiteY16" fmla="*/ 186364 h 200309"/>
                  <a:gd name="connsiteX17" fmla="*/ 485560 w 569233"/>
                  <a:gd name="connsiteY17" fmla="*/ 186364 h 200309"/>
                  <a:gd name="connsiteX18" fmla="*/ 451330 w 569233"/>
                  <a:gd name="connsiteY18" fmla="*/ 186364 h 200309"/>
                  <a:gd name="connsiteX19" fmla="*/ 451330 w 569233"/>
                  <a:gd name="connsiteY19" fmla="*/ 200309 h 200309"/>
                  <a:gd name="connsiteX20" fmla="*/ 484292 w 569233"/>
                  <a:gd name="connsiteY20" fmla="*/ 200309 h 200309"/>
                  <a:gd name="connsiteX21" fmla="*/ 507112 w 569233"/>
                  <a:gd name="connsiteY21" fmla="*/ 178757 h 200309"/>
                  <a:gd name="connsiteX22" fmla="*/ 486828 w 569233"/>
                  <a:gd name="connsiteY22" fmla="*/ 159740 h 200309"/>
                  <a:gd name="connsiteX23" fmla="*/ 471614 w 569233"/>
                  <a:gd name="connsiteY23" fmla="*/ 159740 h 200309"/>
                  <a:gd name="connsiteX24" fmla="*/ 465275 w 569233"/>
                  <a:gd name="connsiteY24" fmla="*/ 153402 h 200309"/>
                  <a:gd name="connsiteX25" fmla="*/ 471614 w 569233"/>
                  <a:gd name="connsiteY25" fmla="*/ 147063 h 200309"/>
                  <a:gd name="connsiteX26" fmla="*/ 500773 w 569233"/>
                  <a:gd name="connsiteY26" fmla="*/ 147063 h 200309"/>
                  <a:gd name="connsiteX27" fmla="*/ 507112 w 569233"/>
                  <a:gd name="connsiteY27" fmla="*/ 133117 h 200309"/>
                  <a:gd name="connsiteX28" fmla="*/ 472882 w 569233"/>
                  <a:gd name="connsiteY28" fmla="*/ 133117 h 200309"/>
                  <a:gd name="connsiteX29" fmla="*/ 450062 w 569233"/>
                  <a:gd name="connsiteY29" fmla="*/ 153402 h 200309"/>
                  <a:gd name="connsiteX30" fmla="*/ 470346 w 569233"/>
                  <a:gd name="connsiteY30" fmla="*/ 172418 h 200309"/>
                  <a:gd name="connsiteX31" fmla="*/ 485560 w 569233"/>
                  <a:gd name="connsiteY31" fmla="*/ 172418 h 200309"/>
                  <a:gd name="connsiteX32" fmla="*/ 491899 w 569233"/>
                  <a:gd name="connsiteY32" fmla="*/ 178757 h 200309"/>
                  <a:gd name="connsiteX33" fmla="*/ 485560 w 569233"/>
                  <a:gd name="connsiteY33" fmla="*/ 186364 h 200309"/>
                  <a:gd name="connsiteX34" fmla="*/ 441187 w 569233"/>
                  <a:gd name="connsiteY34" fmla="*/ 145795 h 200309"/>
                  <a:gd name="connsiteX35" fmla="*/ 441187 w 569233"/>
                  <a:gd name="connsiteY35" fmla="*/ 131849 h 200309"/>
                  <a:gd name="connsiteX36" fmla="*/ 387941 w 569233"/>
                  <a:gd name="connsiteY36" fmla="*/ 131849 h 200309"/>
                  <a:gd name="connsiteX37" fmla="*/ 387941 w 569233"/>
                  <a:gd name="connsiteY37" fmla="*/ 199042 h 200309"/>
                  <a:gd name="connsiteX38" fmla="*/ 441187 w 569233"/>
                  <a:gd name="connsiteY38" fmla="*/ 199042 h 200309"/>
                  <a:gd name="connsiteX39" fmla="*/ 441187 w 569233"/>
                  <a:gd name="connsiteY39" fmla="*/ 185096 h 200309"/>
                  <a:gd name="connsiteX40" fmla="*/ 403154 w 569233"/>
                  <a:gd name="connsiteY40" fmla="*/ 185096 h 200309"/>
                  <a:gd name="connsiteX41" fmla="*/ 403154 w 569233"/>
                  <a:gd name="connsiteY41" fmla="*/ 171150 h 200309"/>
                  <a:gd name="connsiteX42" fmla="*/ 439920 w 569233"/>
                  <a:gd name="connsiteY42" fmla="*/ 171150 h 200309"/>
                  <a:gd name="connsiteX43" fmla="*/ 439920 w 569233"/>
                  <a:gd name="connsiteY43" fmla="*/ 157205 h 200309"/>
                  <a:gd name="connsiteX44" fmla="*/ 403154 w 569233"/>
                  <a:gd name="connsiteY44" fmla="*/ 157205 h 200309"/>
                  <a:gd name="connsiteX45" fmla="*/ 403154 w 569233"/>
                  <a:gd name="connsiteY45" fmla="*/ 144527 h 200309"/>
                  <a:gd name="connsiteX46" fmla="*/ 441187 w 569233"/>
                  <a:gd name="connsiteY46" fmla="*/ 144527 h 200309"/>
                  <a:gd name="connsiteX47" fmla="*/ 441187 w 569233"/>
                  <a:gd name="connsiteY47" fmla="*/ 145795 h 200309"/>
                  <a:gd name="connsiteX48" fmla="*/ 354978 w 569233"/>
                  <a:gd name="connsiteY48" fmla="*/ 145795 h 200309"/>
                  <a:gd name="connsiteX49" fmla="*/ 363853 w 569233"/>
                  <a:gd name="connsiteY49" fmla="*/ 153402 h 200309"/>
                  <a:gd name="connsiteX50" fmla="*/ 354978 w 569233"/>
                  <a:gd name="connsiteY50" fmla="*/ 161008 h 200309"/>
                  <a:gd name="connsiteX51" fmla="*/ 335962 w 569233"/>
                  <a:gd name="connsiteY51" fmla="*/ 161008 h 200309"/>
                  <a:gd name="connsiteX52" fmla="*/ 335962 w 569233"/>
                  <a:gd name="connsiteY52" fmla="*/ 144527 h 200309"/>
                  <a:gd name="connsiteX53" fmla="*/ 354978 w 569233"/>
                  <a:gd name="connsiteY53" fmla="*/ 145795 h 200309"/>
                  <a:gd name="connsiteX54" fmla="*/ 335962 w 569233"/>
                  <a:gd name="connsiteY54" fmla="*/ 174954 h 200309"/>
                  <a:gd name="connsiteX55" fmla="*/ 343568 w 569233"/>
                  <a:gd name="connsiteY55" fmla="*/ 174954 h 200309"/>
                  <a:gd name="connsiteX56" fmla="*/ 363853 w 569233"/>
                  <a:gd name="connsiteY56" fmla="*/ 199042 h 200309"/>
                  <a:gd name="connsiteX57" fmla="*/ 382870 w 569233"/>
                  <a:gd name="connsiteY57" fmla="*/ 199042 h 200309"/>
                  <a:gd name="connsiteX58" fmla="*/ 360050 w 569233"/>
                  <a:gd name="connsiteY58" fmla="*/ 173686 h 200309"/>
                  <a:gd name="connsiteX59" fmla="*/ 377798 w 569233"/>
                  <a:gd name="connsiteY59" fmla="*/ 153402 h 200309"/>
                  <a:gd name="connsiteX60" fmla="*/ 354978 w 569233"/>
                  <a:gd name="connsiteY60" fmla="*/ 131849 h 200309"/>
                  <a:gd name="connsiteX61" fmla="*/ 319481 w 569233"/>
                  <a:gd name="connsiteY61" fmla="*/ 131849 h 200309"/>
                  <a:gd name="connsiteX62" fmla="*/ 319481 w 569233"/>
                  <a:gd name="connsiteY62" fmla="*/ 199042 h 200309"/>
                  <a:gd name="connsiteX63" fmla="*/ 334694 w 569233"/>
                  <a:gd name="connsiteY63" fmla="*/ 199042 h 200309"/>
                  <a:gd name="connsiteX64" fmla="*/ 335962 w 569233"/>
                  <a:gd name="connsiteY64" fmla="*/ 174954 h 200309"/>
                  <a:gd name="connsiteX65" fmla="*/ 295393 w 569233"/>
                  <a:gd name="connsiteY65" fmla="*/ 154669 h 200309"/>
                  <a:gd name="connsiteX66" fmla="*/ 286518 w 569233"/>
                  <a:gd name="connsiteY66" fmla="*/ 163544 h 200309"/>
                  <a:gd name="connsiteX67" fmla="*/ 266234 w 569233"/>
                  <a:gd name="connsiteY67" fmla="*/ 163544 h 200309"/>
                  <a:gd name="connsiteX68" fmla="*/ 266234 w 569233"/>
                  <a:gd name="connsiteY68" fmla="*/ 145795 h 200309"/>
                  <a:gd name="connsiteX69" fmla="*/ 285251 w 569233"/>
                  <a:gd name="connsiteY69" fmla="*/ 145795 h 200309"/>
                  <a:gd name="connsiteX70" fmla="*/ 295393 w 569233"/>
                  <a:gd name="connsiteY70" fmla="*/ 154669 h 200309"/>
                  <a:gd name="connsiteX71" fmla="*/ 251020 w 569233"/>
                  <a:gd name="connsiteY71" fmla="*/ 131849 h 200309"/>
                  <a:gd name="connsiteX72" fmla="*/ 251020 w 569233"/>
                  <a:gd name="connsiteY72" fmla="*/ 199042 h 200309"/>
                  <a:gd name="connsiteX73" fmla="*/ 266234 w 569233"/>
                  <a:gd name="connsiteY73" fmla="*/ 199042 h 200309"/>
                  <a:gd name="connsiteX74" fmla="*/ 266234 w 569233"/>
                  <a:gd name="connsiteY74" fmla="*/ 176222 h 200309"/>
                  <a:gd name="connsiteX75" fmla="*/ 286518 w 569233"/>
                  <a:gd name="connsiteY75" fmla="*/ 176222 h 200309"/>
                  <a:gd name="connsiteX76" fmla="*/ 310606 w 569233"/>
                  <a:gd name="connsiteY76" fmla="*/ 153402 h 200309"/>
                  <a:gd name="connsiteX77" fmla="*/ 287786 w 569233"/>
                  <a:gd name="connsiteY77" fmla="*/ 130581 h 200309"/>
                  <a:gd name="connsiteX78" fmla="*/ 251020 w 569233"/>
                  <a:gd name="connsiteY78" fmla="*/ 131849 h 200309"/>
                  <a:gd name="connsiteX79" fmla="*/ 228200 w 569233"/>
                  <a:gd name="connsiteY79" fmla="*/ 199042 h 200309"/>
                  <a:gd name="connsiteX80" fmla="*/ 247217 w 569233"/>
                  <a:gd name="connsiteY80" fmla="*/ 199042 h 200309"/>
                  <a:gd name="connsiteX81" fmla="*/ 220594 w 569233"/>
                  <a:gd name="connsiteY81" fmla="*/ 164812 h 200309"/>
                  <a:gd name="connsiteX82" fmla="*/ 247217 w 569233"/>
                  <a:gd name="connsiteY82" fmla="*/ 131849 h 200309"/>
                  <a:gd name="connsiteX83" fmla="*/ 228200 w 569233"/>
                  <a:gd name="connsiteY83" fmla="*/ 131849 h 200309"/>
                  <a:gd name="connsiteX84" fmla="*/ 211719 w 569233"/>
                  <a:gd name="connsiteY84" fmla="*/ 153402 h 200309"/>
                  <a:gd name="connsiteX85" fmla="*/ 195238 w 569233"/>
                  <a:gd name="connsiteY85" fmla="*/ 131849 h 200309"/>
                  <a:gd name="connsiteX86" fmla="*/ 176221 w 569233"/>
                  <a:gd name="connsiteY86" fmla="*/ 131849 h 200309"/>
                  <a:gd name="connsiteX87" fmla="*/ 202845 w 569233"/>
                  <a:gd name="connsiteY87" fmla="*/ 164812 h 200309"/>
                  <a:gd name="connsiteX88" fmla="*/ 176221 w 569233"/>
                  <a:gd name="connsiteY88" fmla="*/ 197774 h 200309"/>
                  <a:gd name="connsiteX89" fmla="*/ 195238 w 569233"/>
                  <a:gd name="connsiteY89" fmla="*/ 197774 h 200309"/>
                  <a:gd name="connsiteX90" fmla="*/ 211719 w 569233"/>
                  <a:gd name="connsiteY90" fmla="*/ 176222 h 200309"/>
                  <a:gd name="connsiteX91" fmla="*/ 228200 w 569233"/>
                  <a:gd name="connsiteY91" fmla="*/ 199042 h 200309"/>
                  <a:gd name="connsiteX92" fmla="*/ 171150 w 569233"/>
                  <a:gd name="connsiteY92" fmla="*/ 145795 h 200309"/>
                  <a:gd name="connsiteX93" fmla="*/ 171150 w 569233"/>
                  <a:gd name="connsiteY93" fmla="*/ 131849 h 200309"/>
                  <a:gd name="connsiteX94" fmla="*/ 117904 w 569233"/>
                  <a:gd name="connsiteY94" fmla="*/ 131849 h 200309"/>
                  <a:gd name="connsiteX95" fmla="*/ 117904 w 569233"/>
                  <a:gd name="connsiteY95" fmla="*/ 199042 h 200309"/>
                  <a:gd name="connsiteX96" fmla="*/ 171150 w 569233"/>
                  <a:gd name="connsiteY96" fmla="*/ 199042 h 200309"/>
                  <a:gd name="connsiteX97" fmla="*/ 171150 w 569233"/>
                  <a:gd name="connsiteY97" fmla="*/ 185096 h 200309"/>
                  <a:gd name="connsiteX98" fmla="*/ 133117 w 569233"/>
                  <a:gd name="connsiteY98" fmla="*/ 185096 h 200309"/>
                  <a:gd name="connsiteX99" fmla="*/ 133117 w 569233"/>
                  <a:gd name="connsiteY99" fmla="*/ 171150 h 200309"/>
                  <a:gd name="connsiteX100" fmla="*/ 169883 w 569233"/>
                  <a:gd name="connsiteY100" fmla="*/ 171150 h 200309"/>
                  <a:gd name="connsiteX101" fmla="*/ 169883 w 569233"/>
                  <a:gd name="connsiteY101" fmla="*/ 157205 h 200309"/>
                  <a:gd name="connsiteX102" fmla="*/ 133117 w 569233"/>
                  <a:gd name="connsiteY102" fmla="*/ 157205 h 200309"/>
                  <a:gd name="connsiteX103" fmla="*/ 133117 w 569233"/>
                  <a:gd name="connsiteY103" fmla="*/ 144527 h 200309"/>
                  <a:gd name="connsiteX104" fmla="*/ 171150 w 569233"/>
                  <a:gd name="connsiteY104" fmla="*/ 144527 h 200309"/>
                  <a:gd name="connsiteX105" fmla="*/ 171150 w 569233"/>
                  <a:gd name="connsiteY105" fmla="*/ 145795 h 200309"/>
                  <a:gd name="connsiteX106" fmla="*/ 479221 w 569233"/>
                  <a:gd name="connsiteY106" fmla="*/ 26624 h 200309"/>
                  <a:gd name="connsiteX107" fmla="*/ 505844 w 569233"/>
                  <a:gd name="connsiteY107" fmla="*/ 67192 h 200309"/>
                  <a:gd name="connsiteX108" fmla="*/ 524861 w 569233"/>
                  <a:gd name="connsiteY108" fmla="*/ 67192 h 200309"/>
                  <a:gd name="connsiteX109" fmla="*/ 524861 w 569233"/>
                  <a:gd name="connsiteY109" fmla="*/ 0 h 200309"/>
                  <a:gd name="connsiteX110" fmla="*/ 509648 w 569233"/>
                  <a:gd name="connsiteY110" fmla="*/ 0 h 200309"/>
                  <a:gd name="connsiteX111" fmla="*/ 509648 w 569233"/>
                  <a:gd name="connsiteY111" fmla="*/ 44372 h 200309"/>
                  <a:gd name="connsiteX112" fmla="*/ 505844 w 569233"/>
                  <a:gd name="connsiteY112" fmla="*/ 38034 h 200309"/>
                  <a:gd name="connsiteX113" fmla="*/ 481756 w 569233"/>
                  <a:gd name="connsiteY113" fmla="*/ 0 h 200309"/>
                  <a:gd name="connsiteX114" fmla="*/ 461472 w 569233"/>
                  <a:gd name="connsiteY114" fmla="*/ 0 h 200309"/>
                  <a:gd name="connsiteX115" fmla="*/ 461472 w 569233"/>
                  <a:gd name="connsiteY115" fmla="*/ 67192 h 200309"/>
                  <a:gd name="connsiteX116" fmla="*/ 476685 w 569233"/>
                  <a:gd name="connsiteY116" fmla="*/ 67192 h 200309"/>
                  <a:gd name="connsiteX117" fmla="*/ 476685 w 569233"/>
                  <a:gd name="connsiteY117" fmla="*/ 21552 h 200309"/>
                  <a:gd name="connsiteX118" fmla="*/ 479221 w 569233"/>
                  <a:gd name="connsiteY118" fmla="*/ 26624 h 200309"/>
                  <a:gd name="connsiteX119" fmla="*/ 413296 w 569233"/>
                  <a:gd name="connsiteY119" fmla="*/ 25356 h 200309"/>
                  <a:gd name="connsiteX120" fmla="*/ 418367 w 569233"/>
                  <a:gd name="connsiteY120" fmla="*/ 11410 h 200309"/>
                  <a:gd name="connsiteX121" fmla="*/ 423439 w 569233"/>
                  <a:gd name="connsiteY121" fmla="*/ 25356 h 200309"/>
                  <a:gd name="connsiteX122" fmla="*/ 429777 w 569233"/>
                  <a:gd name="connsiteY122" fmla="*/ 40569 h 200309"/>
                  <a:gd name="connsiteX123" fmla="*/ 406957 w 569233"/>
                  <a:gd name="connsiteY123" fmla="*/ 40569 h 200309"/>
                  <a:gd name="connsiteX124" fmla="*/ 413296 w 569233"/>
                  <a:gd name="connsiteY124" fmla="*/ 25356 h 200309"/>
                  <a:gd name="connsiteX125" fmla="*/ 439920 w 569233"/>
                  <a:gd name="connsiteY125" fmla="*/ 67192 h 200309"/>
                  <a:gd name="connsiteX126" fmla="*/ 456401 w 569233"/>
                  <a:gd name="connsiteY126" fmla="*/ 67192 h 200309"/>
                  <a:gd name="connsiteX127" fmla="*/ 427242 w 569233"/>
                  <a:gd name="connsiteY127" fmla="*/ 0 h 200309"/>
                  <a:gd name="connsiteX128" fmla="*/ 406957 w 569233"/>
                  <a:gd name="connsiteY128" fmla="*/ 0 h 200309"/>
                  <a:gd name="connsiteX129" fmla="*/ 377798 w 569233"/>
                  <a:gd name="connsiteY129" fmla="*/ 67192 h 200309"/>
                  <a:gd name="connsiteX130" fmla="*/ 394280 w 569233"/>
                  <a:gd name="connsiteY130" fmla="*/ 67192 h 200309"/>
                  <a:gd name="connsiteX131" fmla="*/ 400619 w 569233"/>
                  <a:gd name="connsiteY131" fmla="*/ 53247 h 200309"/>
                  <a:gd name="connsiteX132" fmla="*/ 433581 w 569233"/>
                  <a:gd name="connsiteY132" fmla="*/ 53247 h 200309"/>
                  <a:gd name="connsiteX133" fmla="*/ 439920 w 569233"/>
                  <a:gd name="connsiteY133" fmla="*/ 67192 h 200309"/>
                  <a:gd name="connsiteX134" fmla="*/ 368924 w 569233"/>
                  <a:gd name="connsiteY134" fmla="*/ 67192 h 200309"/>
                  <a:gd name="connsiteX135" fmla="*/ 375263 w 569233"/>
                  <a:gd name="connsiteY135" fmla="*/ 53247 h 200309"/>
                  <a:gd name="connsiteX136" fmla="*/ 371460 w 569233"/>
                  <a:gd name="connsiteY136" fmla="*/ 53247 h 200309"/>
                  <a:gd name="connsiteX137" fmla="*/ 353711 w 569233"/>
                  <a:gd name="connsiteY137" fmla="*/ 34230 h 200309"/>
                  <a:gd name="connsiteX138" fmla="*/ 353711 w 569233"/>
                  <a:gd name="connsiteY138" fmla="*/ 32962 h 200309"/>
                  <a:gd name="connsiteX139" fmla="*/ 371460 w 569233"/>
                  <a:gd name="connsiteY139" fmla="*/ 13946 h 200309"/>
                  <a:gd name="connsiteX140" fmla="*/ 387941 w 569233"/>
                  <a:gd name="connsiteY140" fmla="*/ 13946 h 200309"/>
                  <a:gd name="connsiteX141" fmla="*/ 387941 w 569233"/>
                  <a:gd name="connsiteY141" fmla="*/ 0 h 200309"/>
                  <a:gd name="connsiteX142" fmla="*/ 370192 w 569233"/>
                  <a:gd name="connsiteY142" fmla="*/ 0 h 200309"/>
                  <a:gd name="connsiteX143" fmla="*/ 338497 w 569233"/>
                  <a:gd name="connsiteY143" fmla="*/ 32962 h 200309"/>
                  <a:gd name="connsiteX144" fmla="*/ 338497 w 569233"/>
                  <a:gd name="connsiteY144" fmla="*/ 34230 h 200309"/>
                  <a:gd name="connsiteX145" fmla="*/ 368924 w 569233"/>
                  <a:gd name="connsiteY145" fmla="*/ 67192 h 200309"/>
                  <a:gd name="connsiteX146" fmla="*/ 311874 w 569233"/>
                  <a:gd name="connsiteY146" fmla="*/ 67192 h 200309"/>
                  <a:gd name="connsiteX147" fmla="*/ 327087 w 569233"/>
                  <a:gd name="connsiteY147" fmla="*/ 67192 h 200309"/>
                  <a:gd name="connsiteX148" fmla="*/ 327087 w 569233"/>
                  <a:gd name="connsiteY148" fmla="*/ 1268 h 200309"/>
                  <a:gd name="connsiteX149" fmla="*/ 311874 w 569233"/>
                  <a:gd name="connsiteY149" fmla="*/ 1268 h 200309"/>
                  <a:gd name="connsiteX150" fmla="*/ 311874 w 569233"/>
                  <a:gd name="connsiteY150" fmla="*/ 67192 h 200309"/>
                  <a:gd name="connsiteX151" fmla="*/ 278912 w 569233"/>
                  <a:gd name="connsiteY151" fmla="*/ 13946 h 200309"/>
                  <a:gd name="connsiteX152" fmla="*/ 287786 w 569233"/>
                  <a:gd name="connsiteY152" fmla="*/ 21552 h 200309"/>
                  <a:gd name="connsiteX153" fmla="*/ 278912 w 569233"/>
                  <a:gd name="connsiteY153" fmla="*/ 29159 h 200309"/>
                  <a:gd name="connsiteX154" fmla="*/ 259895 w 569233"/>
                  <a:gd name="connsiteY154" fmla="*/ 29159 h 200309"/>
                  <a:gd name="connsiteX155" fmla="*/ 259895 w 569233"/>
                  <a:gd name="connsiteY155" fmla="*/ 12678 h 200309"/>
                  <a:gd name="connsiteX156" fmla="*/ 278912 w 569233"/>
                  <a:gd name="connsiteY156" fmla="*/ 13946 h 200309"/>
                  <a:gd name="connsiteX157" fmla="*/ 259895 w 569233"/>
                  <a:gd name="connsiteY157" fmla="*/ 43105 h 200309"/>
                  <a:gd name="connsiteX158" fmla="*/ 267502 w 569233"/>
                  <a:gd name="connsiteY158" fmla="*/ 43105 h 200309"/>
                  <a:gd name="connsiteX159" fmla="*/ 287786 w 569233"/>
                  <a:gd name="connsiteY159" fmla="*/ 67192 h 200309"/>
                  <a:gd name="connsiteX160" fmla="*/ 306803 w 569233"/>
                  <a:gd name="connsiteY160" fmla="*/ 67192 h 200309"/>
                  <a:gd name="connsiteX161" fmla="*/ 283983 w 569233"/>
                  <a:gd name="connsiteY161" fmla="*/ 41837 h 200309"/>
                  <a:gd name="connsiteX162" fmla="*/ 301732 w 569233"/>
                  <a:gd name="connsiteY162" fmla="*/ 21552 h 200309"/>
                  <a:gd name="connsiteX163" fmla="*/ 278912 w 569233"/>
                  <a:gd name="connsiteY163" fmla="*/ 0 h 200309"/>
                  <a:gd name="connsiteX164" fmla="*/ 243414 w 569233"/>
                  <a:gd name="connsiteY164" fmla="*/ 0 h 200309"/>
                  <a:gd name="connsiteX165" fmla="*/ 243414 w 569233"/>
                  <a:gd name="connsiteY165" fmla="*/ 67192 h 200309"/>
                  <a:gd name="connsiteX166" fmla="*/ 258627 w 569233"/>
                  <a:gd name="connsiteY166" fmla="*/ 67192 h 200309"/>
                  <a:gd name="connsiteX167" fmla="*/ 259895 w 569233"/>
                  <a:gd name="connsiteY167" fmla="*/ 43105 h 200309"/>
                  <a:gd name="connsiteX168" fmla="*/ 232004 w 569233"/>
                  <a:gd name="connsiteY168" fmla="*/ 13946 h 200309"/>
                  <a:gd name="connsiteX169" fmla="*/ 232004 w 569233"/>
                  <a:gd name="connsiteY169" fmla="*/ 0 h 200309"/>
                  <a:gd name="connsiteX170" fmla="*/ 178757 w 569233"/>
                  <a:gd name="connsiteY170" fmla="*/ 0 h 200309"/>
                  <a:gd name="connsiteX171" fmla="*/ 178757 w 569233"/>
                  <a:gd name="connsiteY171" fmla="*/ 67192 h 200309"/>
                  <a:gd name="connsiteX172" fmla="*/ 232004 w 569233"/>
                  <a:gd name="connsiteY172" fmla="*/ 67192 h 200309"/>
                  <a:gd name="connsiteX173" fmla="*/ 232004 w 569233"/>
                  <a:gd name="connsiteY173" fmla="*/ 53247 h 200309"/>
                  <a:gd name="connsiteX174" fmla="*/ 193970 w 569233"/>
                  <a:gd name="connsiteY174" fmla="*/ 53247 h 200309"/>
                  <a:gd name="connsiteX175" fmla="*/ 193970 w 569233"/>
                  <a:gd name="connsiteY175" fmla="*/ 39301 h 200309"/>
                  <a:gd name="connsiteX176" fmla="*/ 230736 w 569233"/>
                  <a:gd name="connsiteY176" fmla="*/ 39301 h 200309"/>
                  <a:gd name="connsiteX177" fmla="*/ 230736 w 569233"/>
                  <a:gd name="connsiteY177" fmla="*/ 25356 h 200309"/>
                  <a:gd name="connsiteX178" fmla="*/ 193970 w 569233"/>
                  <a:gd name="connsiteY178" fmla="*/ 25356 h 200309"/>
                  <a:gd name="connsiteX179" fmla="*/ 193970 w 569233"/>
                  <a:gd name="connsiteY179" fmla="*/ 12678 h 200309"/>
                  <a:gd name="connsiteX180" fmla="*/ 232004 w 569233"/>
                  <a:gd name="connsiteY180" fmla="*/ 12678 h 200309"/>
                  <a:gd name="connsiteX181" fmla="*/ 232004 w 569233"/>
                  <a:gd name="connsiteY181" fmla="*/ 13946 h 200309"/>
                  <a:gd name="connsiteX182" fmla="*/ 116636 w 569233"/>
                  <a:gd name="connsiteY182" fmla="*/ 67192 h 200309"/>
                  <a:gd name="connsiteX183" fmla="*/ 130581 w 569233"/>
                  <a:gd name="connsiteY183" fmla="*/ 67192 h 200309"/>
                  <a:gd name="connsiteX184" fmla="*/ 149598 w 569233"/>
                  <a:gd name="connsiteY184" fmla="*/ 12678 h 200309"/>
                  <a:gd name="connsiteX185" fmla="*/ 149598 w 569233"/>
                  <a:gd name="connsiteY185" fmla="*/ 67192 h 200309"/>
                  <a:gd name="connsiteX186" fmla="*/ 164811 w 569233"/>
                  <a:gd name="connsiteY186" fmla="*/ 67192 h 200309"/>
                  <a:gd name="connsiteX187" fmla="*/ 164811 w 569233"/>
                  <a:gd name="connsiteY187" fmla="*/ 0 h 200309"/>
                  <a:gd name="connsiteX188" fmla="*/ 139456 w 569233"/>
                  <a:gd name="connsiteY188" fmla="*/ 0 h 200309"/>
                  <a:gd name="connsiteX189" fmla="*/ 124242 w 569233"/>
                  <a:gd name="connsiteY189" fmla="*/ 45640 h 200309"/>
                  <a:gd name="connsiteX190" fmla="*/ 109029 w 569233"/>
                  <a:gd name="connsiteY190" fmla="*/ 0 h 200309"/>
                  <a:gd name="connsiteX191" fmla="*/ 83673 w 569233"/>
                  <a:gd name="connsiteY191" fmla="*/ 0 h 200309"/>
                  <a:gd name="connsiteX192" fmla="*/ 83673 w 569233"/>
                  <a:gd name="connsiteY192" fmla="*/ 67192 h 200309"/>
                  <a:gd name="connsiteX193" fmla="*/ 98887 w 569233"/>
                  <a:gd name="connsiteY193" fmla="*/ 67192 h 200309"/>
                  <a:gd name="connsiteX194" fmla="*/ 98887 w 569233"/>
                  <a:gd name="connsiteY194" fmla="*/ 12678 h 200309"/>
                  <a:gd name="connsiteX195" fmla="*/ 116636 w 569233"/>
                  <a:gd name="connsiteY195" fmla="*/ 67192 h 200309"/>
                  <a:gd name="connsiteX196" fmla="*/ 34230 w 569233"/>
                  <a:gd name="connsiteY196" fmla="*/ 25356 h 200309"/>
                  <a:gd name="connsiteX197" fmla="*/ 39301 w 569233"/>
                  <a:gd name="connsiteY197" fmla="*/ 11410 h 200309"/>
                  <a:gd name="connsiteX198" fmla="*/ 44372 w 569233"/>
                  <a:gd name="connsiteY198" fmla="*/ 25356 h 200309"/>
                  <a:gd name="connsiteX199" fmla="*/ 50711 w 569233"/>
                  <a:gd name="connsiteY199" fmla="*/ 40569 h 200309"/>
                  <a:gd name="connsiteX200" fmla="*/ 27891 w 569233"/>
                  <a:gd name="connsiteY200" fmla="*/ 40569 h 200309"/>
                  <a:gd name="connsiteX201" fmla="*/ 34230 w 569233"/>
                  <a:gd name="connsiteY201" fmla="*/ 25356 h 200309"/>
                  <a:gd name="connsiteX202" fmla="*/ 60853 w 569233"/>
                  <a:gd name="connsiteY202" fmla="*/ 67192 h 200309"/>
                  <a:gd name="connsiteX203" fmla="*/ 77335 w 569233"/>
                  <a:gd name="connsiteY203" fmla="*/ 67192 h 200309"/>
                  <a:gd name="connsiteX204" fmla="*/ 48176 w 569233"/>
                  <a:gd name="connsiteY204" fmla="*/ 0 h 200309"/>
                  <a:gd name="connsiteX205" fmla="*/ 29159 w 569233"/>
                  <a:gd name="connsiteY205" fmla="*/ 0 h 200309"/>
                  <a:gd name="connsiteX206" fmla="*/ 0 w 569233"/>
                  <a:gd name="connsiteY206" fmla="*/ 67192 h 200309"/>
                  <a:gd name="connsiteX207" fmla="*/ 16481 w 569233"/>
                  <a:gd name="connsiteY207" fmla="*/ 67192 h 200309"/>
                  <a:gd name="connsiteX208" fmla="*/ 22820 w 569233"/>
                  <a:gd name="connsiteY208" fmla="*/ 53247 h 200309"/>
                  <a:gd name="connsiteX209" fmla="*/ 55782 w 569233"/>
                  <a:gd name="connsiteY209" fmla="*/ 53247 h 200309"/>
                  <a:gd name="connsiteX210" fmla="*/ 60853 w 569233"/>
                  <a:gd name="connsiteY210" fmla="*/ 67192 h 20030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 ang="0">
                    <a:pos x="connsiteX76" y="connsiteY76"/>
                  </a:cxn>
                  <a:cxn ang="0">
                    <a:pos x="connsiteX77" y="connsiteY77"/>
                  </a:cxn>
                  <a:cxn ang="0">
                    <a:pos x="connsiteX78" y="connsiteY78"/>
                  </a:cxn>
                  <a:cxn ang="0">
                    <a:pos x="connsiteX79" y="connsiteY79"/>
                  </a:cxn>
                  <a:cxn ang="0">
                    <a:pos x="connsiteX80" y="connsiteY80"/>
                  </a:cxn>
                  <a:cxn ang="0">
                    <a:pos x="connsiteX81" y="connsiteY81"/>
                  </a:cxn>
                  <a:cxn ang="0">
                    <a:pos x="connsiteX82" y="connsiteY82"/>
                  </a:cxn>
                  <a:cxn ang="0">
                    <a:pos x="connsiteX83" y="connsiteY83"/>
                  </a:cxn>
                  <a:cxn ang="0">
                    <a:pos x="connsiteX84" y="connsiteY84"/>
                  </a:cxn>
                  <a:cxn ang="0">
                    <a:pos x="connsiteX85" y="connsiteY85"/>
                  </a:cxn>
                  <a:cxn ang="0">
                    <a:pos x="connsiteX86" y="connsiteY86"/>
                  </a:cxn>
                  <a:cxn ang="0">
                    <a:pos x="connsiteX87" y="connsiteY87"/>
                  </a:cxn>
                  <a:cxn ang="0">
                    <a:pos x="connsiteX88" y="connsiteY88"/>
                  </a:cxn>
                  <a:cxn ang="0">
                    <a:pos x="connsiteX89" y="connsiteY89"/>
                  </a:cxn>
                  <a:cxn ang="0">
                    <a:pos x="connsiteX90" y="connsiteY90"/>
                  </a:cxn>
                  <a:cxn ang="0">
                    <a:pos x="connsiteX91" y="connsiteY91"/>
                  </a:cxn>
                  <a:cxn ang="0">
                    <a:pos x="connsiteX92" y="connsiteY92"/>
                  </a:cxn>
                  <a:cxn ang="0">
                    <a:pos x="connsiteX93" y="connsiteY93"/>
                  </a:cxn>
                  <a:cxn ang="0">
                    <a:pos x="connsiteX94" y="connsiteY94"/>
                  </a:cxn>
                  <a:cxn ang="0">
                    <a:pos x="connsiteX95" y="connsiteY95"/>
                  </a:cxn>
                  <a:cxn ang="0">
                    <a:pos x="connsiteX96" y="connsiteY96"/>
                  </a:cxn>
                  <a:cxn ang="0">
                    <a:pos x="connsiteX97" y="connsiteY97"/>
                  </a:cxn>
                  <a:cxn ang="0">
                    <a:pos x="connsiteX98" y="connsiteY98"/>
                  </a:cxn>
                  <a:cxn ang="0">
                    <a:pos x="connsiteX99" y="connsiteY99"/>
                  </a:cxn>
                  <a:cxn ang="0">
                    <a:pos x="connsiteX100" y="connsiteY100"/>
                  </a:cxn>
                  <a:cxn ang="0">
                    <a:pos x="connsiteX101" y="connsiteY101"/>
                  </a:cxn>
                  <a:cxn ang="0">
                    <a:pos x="connsiteX102" y="connsiteY102"/>
                  </a:cxn>
                  <a:cxn ang="0">
                    <a:pos x="connsiteX103" y="connsiteY103"/>
                  </a:cxn>
                  <a:cxn ang="0">
                    <a:pos x="connsiteX104" y="connsiteY104"/>
                  </a:cxn>
                  <a:cxn ang="0">
                    <a:pos x="connsiteX105" y="connsiteY105"/>
                  </a:cxn>
                  <a:cxn ang="0">
                    <a:pos x="connsiteX106" y="connsiteY106"/>
                  </a:cxn>
                  <a:cxn ang="0">
                    <a:pos x="connsiteX107" y="connsiteY107"/>
                  </a:cxn>
                  <a:cxn ang="0">
                    <a:pos x="connsiteX108" y="connsiteY108"/>
                  </a:cxn>
                  <a:cxn ang="0">
                    <a:pos x="connsiteX109" y="connsiteY109"/>
                  </a:cxn>
                  <a:cxn ang="0">
                    <a:pos x="connsiteX110" y="connsiteY110"/>
                  </a:cxn>
                  <a:cxn ang="0">
                    <a:pos x="connsiteX111" y="connsiteY111"/>
                  </a:cxn>
                  <a:cxn ang="0">
                    <a:pos x="connsiteX112" y="connsiteY112"/>
                  </a:cxn>
                  <a:cxn ang="0">
                    <a:pos x="connsiteX113" y="connsiteY113"/>
                  </a:cxn>
                  <a:cxn ang="0">
                    <a:pos x="connsiteX114" y="connsiteY114"/>
                  </a:cxn>
                  <a:cxn ang="0">
                    <a:pos x="connsiteX115" y="connsiteY115"/>
                  </a:cxn>
                  <a:cxn ang="0">
                    <a:pos x="connsiteX116" y="connsiteY116"/>
                  </a:cxn>
                  <a:cxn ang="0">
                    <a:pos x="connsiteX117" y="connsiteY117"/>
                  </a:cxn>
                  <a:cxn ang="0">
                    <a:pos x="connsiteX118" y="connsiteY118"/>
                  </a:cxn>
                  <a:cxn ang="0">
                    <a:pos x="connsiteX119" y="connsiteY119"/>
                  </a:cxn>
                  <a:cxn ang="0">
                    <a:pos x="connsiteX120" y="connsiteY120"/>
                  </a:cxn>
                  <a:cxn ang="0">
                    <a:pos x="connsiteX121" y="connsiteY121"/>
                  </a:cxn>
                  <a:cxn ang="0">
                    <a:pos x="connsiteX122" y="connsiteY122"/>
                  </a:cxn>
                  <a:cxn ang="0">
                    <a:pos x="connsiteX123" y="connsiteY123"/>
                  </a:cxn>
                  <a:cxn ang="0">
                    <a:pos x="connsiteX124" y="connsiteY124"/>
                  </a:cxn>
                  <a:cxn ang="0">
                    <a:pos x="connsiteX125" y="connsiteY125"/>
                  </a:cxn>
                  <a:cxn ang="0">
                    <a:pos x="connsiteX126" y="connsiteY126"/>
                  </a:cxn>
                  <a:cxn ang="0">
                    <a:pos x="connsiteX127" y="connsiteY127"/>
                  </a:cxn>
                  <a:cxn ang="0">
                    <a:pos x="connsiteX128" y="connsiteY128"/>
                  </a:cxn>
                  <a:cxn ang="0">
                    <a:pos x="connsiteX129" y="connsiteY129"/>
                  </a:cxn>
                  <a:cxn ang="0">
                    <a:pos x="connsiteX130" y="connsiteY130"/>
                  </a:cxn>
                  <a:cxn ang="0">
                    <a:pos x="connsiteX131" y="connsiteY131"/>
                  </a:cxn>
                  <a:cxn ang="0">
                    <a:pos x="connsiteX132" y="connsiteY132"/>
                  </a:cxn>
                  <a:cxn ang="0">
                    <a:pos x="connsiteX133" y="connsiteY133"/>
                  </a:cxn>
                  <a:cxn ang="0">
                    <a:pos x="connsiteX134" y="connsiteY134"/>
                  </a:cxn>
                  <a:cxn ang="0">
                    <a:pos x="connsiteX135" y="connsiteY135"/>
                  </a:cxn>
                  <a:cxn ang="0">
                    <a:pos x="connsiteX136" y="connsiteY136"/>
                  </a:cxn>
                  <a:cxn ang="0">
                    <a:pos x="connsiteX137" y="connsiteY137"/>
                  </a:cxn>
                  <a:cxn ang="0">
                    <a:pos x="connsiteX138" y="connsiteY138"/>
                  </a:cxn>
                  <a:cxn ang="0">
                    <a:pos x="connsiteX139" y="connsiteY139"/>
                  </a:cxn>
                  <a:cxn ang="0">
                    <a:pos x="connsiteX140" y="connsiteY140"/>
                  </a:cxn>
                  <a:cxn ang="0">
                    <a:pos x="connsiteX141" y="connsiteY141"/>
                  </a:cxn>
                  <a:cxn ang="0">
                    <a:pos x="connsiteX142" y="connsiteY142"/>
                  </a:cxn>
                  <a:cxn ang="0">
                    <a:pos x="connsiteX143" y="connsiteY143"/>
                  </a:cxn>
                  <a:cxn ang="0">
                    <a:pos x="connsiteX144" y="connsiteY144"/>
                  </a:cxn>
                  <a:cxn ang="0">
                    <a:pos x="connsiteX145" y="connsiteY145"/>
                  </a:cxn>
                  <a:cxn ang="0">
                    <a:pos x="connsiteX146" y="connsiteY146"/>
                  </a:cxn>
                  <a:cxn ang="0">
                    <a:pos x="connsiteX147" y="connsiteY147"/>
                  </a:cxn>
                  <a:cxn ang="0">
                    <a:pos x="connsiteX148" y="connsiteY148"/>
                  </a:cxn>
                  <a:cxn ang="0">
                    <a:pos x="connsiteX149" y="connsiteY149"/>
                  </a:cxn>
                  <a:cxn ang="0">
                    <a:pos x="connsiteX150" y="connsiteY150"/>
                  </a:cxn>
                  <a:cxn ang="0">
                    <a:pos x="connsiteX151" y="connsiteY151"/>
                  </a:cxn>
                  <a:cxn ang="0">
                    <a:pos x="connsiteX152" y="connsiteY152"/>
                  </a:cxn>
                  <a:cxn ang="0">
                    <a:pos x="connsiteX153" y="connsiteY153"/>
                  </a:cxn>
                  <a:cxn ang="0">
                    <a:pos x="connsiteX154" y="connsiteY154"/>
                  </a:cxn>
                  <a:cxn ang="0">
                    <a:pos x="connsiteX155" y="connsiteY155"/>
                  </a:cxn>
                  <a:cxn ang="0">
                    <a:pos x="connsiteX156" y="connsiteY156"/>
                  </a:cxn>
                  <a:cxn ang="0">
                    <a:pos x="connsiteX157" y="connsiteY157"/>
                  </a:cxn>
                  <a:cxn ang="0">
                    <a:pos x="connsiteX158" y="connsiteY158"/>
                  </a:cxn>
                  <a:cxn ang="0">
                    <a:pos x="connsiteX159" y="connsiteY159"/>
                  </a:cxn>
                  <a:cxn ang="0">
                    <a:pos x="connsiteX160" y="connsiteY160"/>
                  </a:cxn>
                  <a:cxn ang="0">
                    <a:pos x="connsiteX161" y="connsiteY161"/>
                  </a:cxn>
                  <a:cxn ang="0">
                    <a:pos x="connsiteX162" y="connsiteY162"/>
                  </a:cxn>
                  <a:cxn ang="0">
                    <a:pos x="connsiteX163" y="connsiteY163"/>
                  </a:cxn>
                  <a:cxn ang="0">
                    <a:pos x="connsiteX164" y="connsiteY164"/>
                  </a:cxn>
                  <a:cxn ang="0">
                    <a:pos x="connsiteX165" y="connsiteY165"/>
                  </a:cxn>
                  <a:cxn ang="0">
                    <a:pos x="connsiteX166" y="connsiteY166"/>
                  </a:cxn>
                  <a:cxn ang="0">
                    <a:pos x="connsiteX167" y="connsiteY167"/>
                  </a:cxn>
                  <a:cxn ang="0">
                    <a:pos x="connsiteX168" y="connsiteY168"/>
                  </a:cxn>
                  <a:cxn ang="0">
                    <a:pos x="connsiteX169" y="connsiteY169"/>
                  </a:cxn>
                  <a:cxn ang="0">
                    <a:pos x="connsiteX170" y="connsiteY170"/>
                  </a:cxn>
                  <a:cxn ang="0">
                    <a:pos x="connsiteX171" y="connsiteY171"/>
                  </a:cxn>
                  <a:cxn ang="0">
                    <a:pos x="connsiteX172" y="connsiteY172"/>
                  </a:cxn>
                  <a:cxn ang="0">
                    <a:pos x="connsiteX173" y="connsiteY173"/>
                  </a:cxn>
                  <a:cxn ang="0">
                    <a:pos x="connsiteX174" y="connsiteY174"/>
                  </a:cxn>
                  <a:cxn ang="0">
                    <a:pos x="connsiteX175" y="connsiteY175"/>
                  </a:cxn>
                  <a:cxn ang="0">
                    <a:pos x="connsiteX176" y="connsiteY176"/>
                  </a:cxn>
                  <a:cxn ang="0">
                    <a:pos x="connsiteX177" y="connsiteY177"/>
                  </a:cxn>
                  <a:cxn ang="0">
                    <a:pos x="connsiteX178" y="connsiteY178"/>
                  </a:cxn>
                  <a:cxn ang="0">
                    <a:pos x="connsiteX179" y="connsiteY179"/>
                  </a:cxn>
                  <a:cxn ang="0">
                    <a:pos x="connsiteX180" y="connsiteY180"/>
                  </a:cxn>
                  <a:cxn ang="0">
                    <a:pos x="connsiteX181" y="connsiteY181"/>
                  </a:cxn>
                  <a:cxn ang="0">
                    <a:pos x="connsiteX182" y="connsiteY182"/>
                  </a:cxn>
                  <a:cxn ang="0">
                    <a:pos x="connsiteX183" y="connsiteY183"/>
                  </a:cxn>
                  <a:cxn ang="0">
                    <a:pos x="connsiteX184" y="connsiteY184"/>
                  </a:cxn>
                  <a:cxn ang="0">
                    <a:pos x="connsiteX185" y="connsiteY185"/>
                  </a:cxn>
                  <a:cxn ang="0">
                    <a:pos x="connsiteX186" y="connsiteY186"/>
                  </a:cxn>
                  <a:cxn ang="0">
                    <a:pos x="connsiteX187" y="connsiteY187"/>
                  </a:cxn>
                  <a:cxn ang="0">
                    <a:pos x="connsiteX188" y="connsiteY188"/>
                  </a:cxn>
                  <a:cxn ang="0">
                    <a:pos x="connsiteX189" y="connsiteY189"/>
                  </a:cxn>
                  <a:cxn ang="0">
                    <a:pos x="connsiteX190" y="connsiteY190"/>
                  </a:cxn>
                  <a:cxn ang="0">
                    <a:pos x="connsiteX191" y="connsiteY191"/>
                  </a:cxn>
                  <a:cxn ang="0">
                    <a:pos x="connsiteX192" y="connsiteY192"/>
                  </a:cxn>
                  <a:cxn ang="0">
                    <a:pos x="connsiteX193" y="connsiteY193"/>
                  </a:cxn>
                  <a:cxn ang="0">
                    <a:pos x="connsiteX194" y="connsiteY194"/>
                  </a:cxn>
                  <a:cxn ang="0">
                    <a:pos x="connsiteX195" y="connsiteY195"/>
                  </a:cxn>
                  <a:cxn ang="0">
                    <a:pos x="connsiteX196" y="connsiteY196"/>
                  </a:cxn>
                  <a:cxn ang="0">
                    <a:pos x="connsiteX197" y="connsiteY197"/>
                  </a:cxn>
                  <a:cxn ang="0">
                    <a:pos x="connsiteX198" y="connsiteY198"/>
                  </a:cxn>
                  <a:cxn ang="0">
                    <a:pos x="connsiteX199" y="connsiteY199"/>
                  </a:cxn>
                  <a:cxn ang="0">
                    <a:pos x="connsiteX200" y="connsiteY200"/>
                  </a:cxn>
                  <a:cxn ang="0">
                    <a:pos x="connsiteX201" y="connsiteY201"/>
                  </a:cxn>
                  <a:cxn ang="0">
                    <a:pos x="connsiteX202" y="connsiteY202"/>
                  </a:cxn>
                  <a:cxn ang="0">
                    <a:pos x="connsiteX203" y="connsiteY203"/>
                  </a:cxn>
                  <a:cxn ang="0">
                    <a:pos x="connsiteX204" y="connsiteY204"/>
                  </a:cxn>
                  <a:cxn ang="0">
                    <a:pos x="connsiteX205" y="connsiteY205"/>
                  </a:cxn>
                  <a:cxn ang="0">
                    <a:pos x="connsiteX206" y="connsiteY206"/>
                  </a:cxn>
                  <a:cxn ang="0">
                    <a:pos x="connsiteX207" y="connsiteY207"/>
                  </a:cxn>
                  <a:cxn ang="0">
                    <a:pos x="connsiteX208" y="connsiteY208"/>
                  </a:cxn>
                  <a:cxn ang="0">
                    <a:pos x="connsiteX209" y="connsiteY209"/>
                  </a:cxn>
                  <a:cxn ang="0">
                    <a:pos x="connsiteX210" y="connsiteY210"/>
                  </a:cxn>
                </a:cxnLst>
                <a:rect l="l" t="t" r="r" b="b"/>
                <a:pathLst>
                  <a:path w="569233" h="200309">
                    <a:moveTo>
                      <a:pt x="547681" y="186364"/>
                    </a:moveTo>
                    <a:lnTo>
                      <a:pt x="513451" y="186364"/>
                    </a:lnTo>
                    <a:lnTo>
                      <a:pt x="513451" y="200309"/>
                    </a:lnTo>
                    <a:lnTo>
                      <a:pt x="546413" y="200309"/>
                    </a:lnTo>
                    <a:cubicBezTo>
                      <a:pt x="560359" y="200309"/>
                      <a:pt x="569233" y="191435"/>
                      <a:pt x="569233" y="178757"/>
                    </a:cubicBezTo>
                    <a:cubicBezTo>
                      <a:pt x="569233" y="166079"/>
                      <a:pt x="561627" y="159740"/>
                      <a:pt x="548949" y="159740"/>
                    </a:cubicBezTo>
                    <a:lnTo>
                      <a:pt x="533735" y="159740"/>
                    </a:lnTo>
                    <a:cubicBezTo>
                      <a:pt x="529932" y="159740"/>
                      <a:pt x="527396" y="157205"/>
                      <a:pt x="527396" y="153402"/>
                    </a:cubicBezTo>
                    <a:cubicBezTo>
                      <a:pt x="527396" y="149598"/>
                      <a:pt x="529932" y="147063"/>
                      <a:pt x="533735" y="147063"/>
                    </a:cubicBezTo>
                    <a:lnTo>
                      <a:pt x="562894" y="147063"/>
                    </a:lnTo>
                    <a:lnTo>
                      <a:pt x="569233" y="133117"/>
                    </a:lnTo>
                    <a:lnTo>
                      <a:pt x="535003" y="133117"/>
                    </a:lnTo>
                    <a:cubicBezTo>
                      <a:pt x="521058" y="133117"/>
                      <a:pt x="512183" y="141991"/>
                      <a:pt x="512183" y="153402"/>
                    </a:cubicBezTo>
                    <a:cubicBezTo>
                      <a:pt x="512183" y="166079"/>
                      <a:pt x="519790" y="172418"/>
                      <a:pt x="532468" y="172418"/>
                    </a:cubicBezTo>
                    <a:lnTo>
                      <a:pt x="547681" y="172418"/>
                    </a:lnTo>
                    <a:cubicBezTo>
                      <a:pt x="551484" y="172418"/>
                      <a:pt x="554020" y="174954"/>
                      <a:pt x="554020" y="178757"/>
                    </a:cubicBezTo>
                    <a:cubicBezTo>
                      <a:pt x="555288" y="183828"/>
                      <a:pt x="552752" y="186364"/>
                      <a:pt x="547681" y="186364"/>
                    </a:cubicBezTo>
                    <a:close/>
                    <a:moveTo>
                      <a:pt x="485560" y="186364"/>
                    </a:moveTo>
                    <a:lnTo>
                      <a:pt x="451330" y="186364"/>
                    </a:lnTo>
                    <a:lnTo>
                      <a:pt x="451330" y="200309"/>
                    </a:lnTo>
                    <a:lnTo>
                      <a:pt x="484292" y="200309"/>
                    </a:lnTo>
                    <a:cubicBezTo>
                      <a:pt x="498238" y="200309"/>
                      <a:pt x="507112" y="191435"/>
                      <a:pt x="507112" y="178757"/>
                    </a:cubicBezTo>
                    <a:cubicBezTo>
                      <a:pt x="507112" y="166079"/>
                      <a:pt x="499505" y="159740"/>
                      <a:pt x="486828" y="159740"/>
                    </a:cubicBezTo>
                    <a:lnTo>
                      <a:pt x="471614" y="159740"/>
                    </a:lnTo>
                    <a:cubicBezTo>
                      <a:pt x="467811" y="159740"/>
                      <a:pt x="465275" y="157205"/>
                      <a:pt x="465275" y="153402"/>
                    </a:cubicBezTo>
                    <a:cubicBezTo>
                      <a:pt x="465275" y="149598"/>
                      <a:pt x="467811" y="147063"/>
                      <a:pt x="471614" y="147063"/>
                    </a:cubicBezTo>
                    <a:lnTo>
                      <a:pt x="500773" y="147063"/>
                    </a:lnTo>
                    <a:lnTo>
                      <a:pt x="507112" y="133117"/>
                    </a:lnTo>
                    <a:lnTo>
                      <a:pt x="472882" y="133117"/>
                    </a:lnTo>
                    <a:cubicBezTo>
                      <a:pt x="458936" y="133117"/>
                      <a:pt x="450062" y="141991"/>
                      <a:pt x="450062" y="153402"/>
                    </a:cubicBezTo>
                    <a:cubicBezTo>
                      <a:pt x="450062" y="166079"/>
                      <a:pt x="457669" y="172418"/>
                      <a:pt x="470346" y="172418"/>
                    </a:cubicBezTo>
                    <a:lnTo>
                      <a:pt x="485560" y="172418"/>
                    </a:lnTo>
                    <a:cubicBezTo>
                      <a:pt x="489363" y="172418"/>
                      <a:pt x="491899" y="174954"/>
                      <a:pt x="491899" y="178757"/>
                    </a:cubicBezTo>
                    <a:cubicBezTo>
                      <a:pt x="493166" y="183828"/>
                      <a:pt x="489363" y="186364"/>
                      <a:pt x="485560" y="186364"/>
                    </a:cubicBezTo>
                    <a:close/>
                    <a:moveTo>
                      <a:pt x="441187" y="145795"/>
                    </a:moveTo>
                    <a:lnTo>
                      <a:pt x="441187" y="131849"/>
                    </a:lnTo>
                    <a:lnTo>
                      <a:pt x="387941" y="131849"/>
                    </a:lnTo>
                    <a:lnTo>
                      <a:pt x="387941" y="199042"/>
                    </a:lnTo>
                    <a:lnTo>
                      <a:pt x="441187" y="199042"/>
                    </a:lnTo>
                    <a:lnTo>
                      <a:pt x="441187" y="185096"/>
                    </a:lnTo>
                    <a:lnTo>
                      <a:pt x="403154" y="185096"/>
                    </a:lnTo>
                    <a:lnTo>
                      <a:pt x="403154" y="171150"/>
                    </a:lnTo>
                    <a:lnTo>
                      <a:pt x="439920" y="171150"/>
                    </a:lnTo>
                    <a:lnTo>
                      <a:pt x="439920" y="157205"/>
                    </a:lnTo>
                    <a:lnTo>
                      <a:pt x="403154" y="157205"/>
                    </a:lnTo>
                    <a:lnTo>
                      <a:pt x="403154" y="144527"/>
                    </a:lnTo>
                    <a:lnTo>
                      <a:pt x="441187" y="144527"/>
                    </a:lnTo>
                    <a:lnTo>
                      <a:pt x="441187" y="145795"/>
                    </a:lnTo>
                    <a:close/>
                    <a:moveTo>
                      <a:pt x="354978" y="145795"/>
                    </a:moveTo>
                    <a:cubicBezTo>
                      <a:pt x="361317" y="145795"/>
                      <a:pt x="363853" y="149598"/>
                      <a:pt x="363853" y="153402"/>
                    </a:cubicBezTo>
                    <a:cubicBezTo>
                      <a:pt x="363853" y="157205"/>
                      <a:pt x="361317" y="161008"/>
                      <a:pt x="354978" y="161008"/>
                    </a:cubicBezTo>
                    <a:lnTo>
                      <a:pt x="335962" y="161008"/>
                    </a:lnTo>
                    <a:lnTo>
                      <a:pt x="335962" y="144527"/>
                    </a:lnTo>
                    <a:lnTo>
                      <a:pt x="354978" y="145795"/>
                    </a:lnTo>
                    <a:close/>
                    <a:moveTo>
                      <a:pt x="335962" y="174954"/>
                    </a:moveTo>
                    <a:lnTo>
                      <a:pt x="343568" y="174954"/>
                    </a:lnTo>
                    <a:lnTo>
                      <a:pt x="363853" y="199042"/>
                    </a:lnTo>
                    <a:lnTo>
                      <a:pt x="382870" y="199042"/>
                    </a:lnTo>
                    <a:lnTo>
                      <a:pt x="360050" y="173686"/>
                    </a:lnTo>
                    <a:cubicBezTo>
                      <a:pt x="371460" y="171150"/>
                      <a:pt x="377798" y="163544"/>
                      <a:pt x="377798" y="153402"/>
                    </a:cubicBezTo>
                    <a:cubicBezTo>
                      <a:pt x="377798" y="140724"/>
                      <a:pt x="368924" y="131849"/>
                      <a:pt x="354978" y="131849"/>
                    </a:cubicBezTo>
                    <a:lnTo>
                      <a:pt x="319481" y="131849"/>
                    </a:lnTo>
                    <a:lnTo>
                      <a:pt x="319481" y="199042"/>
                    </a:lnTo>
                    <a:lnTo>
                      <a:pt x="334694" y="199042"/>
                    </a:lnTo>
                    <a:lnTo>
                      <a:pt x="335962" y="174954"/>
                    </a:lnTo>
                    <a:close/>
                    <a:moveTo>
                      <a:pt x="295393" y="154669"/>
                    </a:moveTo>
                    <a:cubicBezTo>
                      <a:pt x="295393" y="159740"/>
                      <a:pt x="292857" y="163544"/>
                      <a:pt x="286518" y="163544"/>
                    </a:cubicBezTo>
                    <a:lnTo>
                      <a:pt x="266234" y="163544"/>
                    </a:lnTo>
                    <a:lnTo>
                      <a:pt x="266234" y="145795"/>
                    </a:lnTo>
                    <a:lnTo>
                      <a:pt x="285251" y="145795"/>
                    </a:lnTo>
                    <a:cubicBezTo>
                      <a:pt x="291589" y="145795"/>
                      <a:pt x="295393" y="149598"/>
                      <a:pt x="295393" y="154669"/>
                    </a:cubicBezTo>
                    <a:close/>
                    <a:moveTo>
                      <a:pt x="251020" y="131849"/>
                    </a:moveTo>
                    <a:lnTo>
                      <a:pt x="251020" y="199042"/>
                    </a:lnTo>
                    <a:lnTo>
                      <a:pt x="266234" y="199042"/>
                    </a:lnTo>
                    <a:lnTo>
                      <a:pt x="266234" y="176222"/>
                    </a:lnTo>
                    <a:lnTo>
                      <a:pt x="286518" y="176222"/>
                    </a:lnTo>
                    <a:cubicBezTo>
                      <a:pt x="300464" y="176222"/>
                      <a:pt x="310606" y="167347"/>
                      <a:pt x="310606" y="153402"/>
                    </a:cubicBezTo>
                    <a:cubicBezTo>
                      <a:pt x="310606" y="140724"/>
                      <a:pt x="301732" y="130581"/>
                      <a:pt x="287786" y="130581"/>
                    </a:cubicBezTo>
                    <a:lnTo>
                      <a:pt x="251020" y="131849"/>
                    </a:lnTo>
                    <a:close/>
                    <a:moveTo>
                      <a:pt x="228200" y="199042"/>
                    </a:moveTo>
                    <a:lnTo>
                      <a:pt x="247217" y="199042"/>
                    </a:lnTo>
                    <a:lnTo>
                      <a:pt x="220594" y="164812"/>
                    </a:lnTo>
                    <a:lnTo>
                      <a:pt x="247217" y="131849"/>
                    </a:lnTo>
                    <a:lnTo>
                      <a:pt x="228200" y="131849"/>
                    </a:lnTo>
                    <a:lnTo>
                      <a:pt x="211719" y="153402"/>
                    </a:lnTo>
                    <a:lnTo>
                      <a:pt x="195238" y="131849"/>
                    </a:lnTo>
                    <a:lnTo>
                      <a:pt x="176221" y="131849"/>
                    </a:lnTo>
                    <a:lnTo>
                      <a:pt x="202845" y="164812"/>
                    </a:lnTo>
                    <a:lnTo>
                      <a:pt x="176221" y="197774"/>
                    </a:lnTo>
                    <a:lnTo>
                      <a:pt x="195238" y="197774"/>
                    </a:lnTo>
                    <a:lnTo>
                      <a:pt x="211719" y="176222"/>
                    </a:lnTo>
                    <a:lnTo>
                      <a:pt x="228200" y="199042"/>
                    </a:lnTo>
                    <a:close/>
                    <a:moveTo>
                      <a:pt x="171150" y="145795"/>
                    </a:moveTo>
                    <a:lnTo>
                      <a:pt x="171150" y="131849"/>
                    </a:lnTo>
                    <a:lnTo>
                      <a:pt x="117904" y="131849"/>
                    </a:lnTo>
                    <a:lnTo>
                      <a:pt x="117904" y="199042"/>
                    </a:lnTo>
                    <a:lnTo>
                      <a:pt x="171150" y="199042"/>
                    </a:lnTo>
                    <a:lnTo>
                      <a:pt x="171150" y="185096"/>
                    </a:lnTo>
                    <a:lnTo>
                      <a:pt x="133117" y="185096"/>
                    </a:lnTo>
                    <a:lnTo>
                      <a:pt x="133117" y="171150"/>
                    </a:lnTo>
                    <a:lnTo>
                      <a:pt x="169883" y="171150"/>
                    </a:lnTo>
                    <a:lnTo>
                      <a:pt x="169883" y="157205"/>
                    </a:lnTo>
                    <a:lnTo>
                      <a:pt x="133117" y="157205"/>
                    </a:lnTo>
                    <a:lnTo>
                      <a:pt x="133117" y="144527"/>
                    </a:lnTo>
                    <a:lnTo>
                      <a:pt x="171150" y="144527"/>
                    </a:lnTo>
                    <a:lnTo>
                      <a:pt x="171150" y="145795"/>
                    </a:lnTo>
                    <a:close/>
                    <a:moveTo>
                      <a:pt x="479221" y="26624"/>
                    </a:moveTo>
                    <a:lnTo>
                      <a:pt x="505844" y="67192"/>
                    </a:lnTo>
                    <a:lnTo>
                      <a:pt x="524861" y="67192"/>
                    </a:lnTo>
                    <a:lnTo>
                      <a:pt x="524861" y="0"/>
                    </a:lnTo>
                    <a:lnTo>
                      <a:pt x="509648" y="0"/>
                    </a:lnTo>
                    <a:lnTo>
                      <a:pt x="509648" y="44372"/>
                    </a:lnTo>
                    <a:lnTo>
                      <a:pt x="505844" y="38034"/>
                    </a:lnTo>
                    <a:lnTo>
                      <a:pt x="481756" y="0"/>
                    </a:lnTo>
                    <a:lnTo>
                      <a:pt x="461472" y="0"/>
                    </a:lnTo>
                    <a:lnTo>
                      <a:pt x="461472" y="67192"/>
                    </a:lnTo>
                    <a:lnTo>
                      <a:pt x="476685" y="67192"/>
                    </a:lnTo>
                    <a:lnTo>
                      <a:pt x="476685" y="21552"/>
                    </a:lnTo>
                    <a:lnTo>
                      <a:pt x="479221" y="26624"/>
                    </a:lnTo>
                    <a:close/>
                    <a:moveTo>
                      <a:pt x="413296" y="25356"/>
                    </a:moveTo>
                    <a:lnTo>
                      <a:pt x="418367" y="11410"/>
                    </a:lnTo>
                    <a:lnTo>
                      <a:pt x="423439" y="25356"/>
                    </a:lnTo>
                    <a:lnTo>
                      <a:pt x="429777" y="40569"/>
                    </a:lnTo>
                    <a:lnTo>
                      <a:pt x="406957" y="40569"/>
                    </a:lnTo>
                    <a:lnTo>
                      <a:pt x="413296" y="25356"/>
                    </a:lnTo>
                    <a:close/>
                    <a:moveTo>
                      <a:pt x="439920" y="67192"/>
                    </a:moveTo>
                    <a:lnTo>
                      <a:pt x="456401" y="67192"/>
                    </a:lnTo>
                    <a:lnTo>
                      <a:pt x="427242" y="0"/>
                    </a:lnTo>
                    <a:lnTo>
                      <a:pt x="406957" y="0"/>
                    </a:lnTo>
                    <a:lnTo>
                      <a:pt x="377798" y="67192"/>
                    </a:lnTo>
                    <a:lnTo>
                      <a:pt x="394280" y="67192"/>
                    </a:lnTo>
                    <a:lnTo>
                      <a:pt x="400619" y="53247"/>
                    </a:lnTo>
                    <a:lnTo>
                      <a:pt x="433581" y="53247"/>
                    </a:lnTo>
                    <a:lnTo>
                      <a:pt x="439920" y="67192"/>
                    </a:lnTo>
                    <a:close/>
                    <a:moveTo>
                      <a:pt x="368924" y="67192"/>
                    </a:moveTo>
                    <a:lnTo>
                      <a:pt x="375263" y="53247"/>
                    </a:lnTo>
                    <a:lnTo>
                      <a:pt x="371460" y="53247"/>
                    </a:lnTo>
                    <a:cubicBezTo>
                      <a:pt x="360050" y="53247"/>
                      <a:pt x="353711" y="45640"/>
                      <a:pt x="353711" y="34230"/>
                    </a:cubicBezTo>
                    <a:lnTo>
                      <a:pt x="353711" y="32962"/>
                    </a:lnTo>
                    <a:cubicBezTo>
                      <a:pt x="353711" y="21552"/>
                      <a:pt x="360050" y="13946"/>
                      <a:pt x="371460" y="13946"/>
                    </a:cubicBezTo>
                    <a:lnTo>
                      <a:pt x="387941" y="13946"/>
                    </a:lnTo>
                    <a:lnTo>
                      <a:pt x="387941" y="0"/>
                    </a:lnTo>
                    <a:lnTo>
                      <a:pt x="370192" y="0"/>
                    </a:lnTo>
                    <a:cubicBezTo>
                      <a:pt x="349907" y="0"/>
                      <a:pt x="338497" y="13946"/>
                      <a:pt x="338497" y="32962"/>
                    </a:cubicBezTo>
                    <a:lnTo>
                      <a:pt x="338497" y="34230"/>
                    </a:lnTo>
                    <a:cubicBezTo>
                      <a:pt x="338497" y="54515"/>
                      <a:pt x="349907" y="67192"/>
                      <a:pt x="368924" y="67192"/>
                    </a:cubicBezTo>
                    <a:close/>
                    <a:moveTo>
                      <a:pt x="311874" y="67192"/>
                    </a:moveTo>
                    <a:lnTo>
                      <a:pt x="327087" y="67192"/>
                    </a:lnTo>
                    <a:lnTo>
                      <a:pt x="327087" y="1268"/>
                    </a:lnTo>
                    <a:lnTo>
                      <a:pt x="311874" y="1268"/>
                    </a:lnTo>
                    <a:lnTo>
                      <a:pt x="311874" y="67192"/>
                    </a:lnTo>
                    <a:close/>
                    <a:moveTo>
                      <a:pt x="278912" y="13946"/>
                    </a:moveTo>
                    <a:cubicBezTo>
                      <a:pt x="285251" y="13946"/>
                      <a:pt x="287786" y="17749"/>
                      <a:pt x="287786" y="21552"/>
                    </a:cubicBezTo>
                    <a:cubicBezTo>
                      <a:pt x="287786" y="25356"/>
                      <a:pt x="285251" y="29159"/>
                      <a:pt x="278912" y="29159"/>
                    </a:cubicBezTo>
                    <a:lnTo>
                      <a:pt x="259895" y="29159"/>
                    </a:lnTo>
                    <a:lnTo>
                      <a:pt x="259895" y="12678"/>
                    </a:lnTo>
                    <a:lnTo>
                      <a:pt x="278912" y="13946"/>
                    </a:lnTo>
                    <a:close/>
                    <a:moveTo>
                      <a:pt x="259895" y="43105"/>
                    </a:moveTo>
                    <a:lnTo>
                      <a:pt x="267502" y="43105"/>
                    </a:lnTo>
                    <a:lnTo>
                      <a:pt x="287786" y="67192"/>
                    </a:lnTo>
                    <a:lnTo>
                      <a:pt x="306803" y="67192"/>
                    </a:lnTo>
                    <a:lnTo>
                      <a:pt x="283983" y="41837"/>
                    </a:lnTo>
                    <a:cubicBezTo>
                      <a:pt x="295393" y="39301"/>
                      <a:pt x="301732" y="31695"/>
                      <a:pt x="301732" y="21552"/>
                    </a:cubicBezTo>
                    <a:cubicBezTo>
                      <a:pt x="301732" y="8875"/>
                      <a:pt x="292857" y="0"/>
                      <a:pt x="278912" y="0"/>
                    </a:cubicBezTo>
                    <a:lnTo>
                      <a:pt x="243414" y="0"/>
                    </a:lnTo>
                    <a:lnTo>
                      <a:pt x="243414" y="67192"/>
                    </a:lnTo>
                    <a:lnTo>
                      <a:pt x="258627" y="67192"/>
                    </a:lnTo>
                    <a:lnTo>
                      <a:pt x="259895" y="43105"/>
                    </a:lnTo>
                    <a:close/>
                    <a:moveTo>
                      <a:pt x="232004" y="13946"/>
                    </a:moveTo>
                    <a:lnTo>
                      <a:pt x="232004" y="0"/>
                    </a:lnTo>
                    <a:lnTo>
                      <a:pt x="178757" y="0"/>
                    </a:lnTo>
                    <a:lnTo>
                      <a:pt x="178757" y="67192"/>
                    </a:lnTo>
                    <a:lnTo>
                      <a:pt x="232004" y="67192"/>
                    </a:lnTo>
                    <a:lnTo>
                      <a:pt x="232004" y="53247"/>
                    </a:lnTo>
                    <a:lnTo>
                      <a:pt x="193970" y="53247"/>
                    </a:lnTo>
                    <a:lnTo>
                      <a:pt x="193970" y="39301"/>
                    </a:lnTo>
                    <a:lnTo>
                      <a:pt x="230736" y="39301"/>
                    </a:lnTo>
                    <a:lnTo>
                      <a:pt x="230736" y="25356"/>
                    </a:lnTo>
                    <a:lnTo>
                      <a:pt x="193970" y="25356"/>
                    </a:lnTo>
                    <a:lnTo>
                      <a:pt x="193970" y="12678"/>
                    </a:lnTo>
                    <a:lnTo>
                      <a:pt x="232004" y="12678"/>
                    </a:lnTo>
                    <a:lnTo>
                      <a:pt x="232004" y="13946"/>
                    </a:lnTo>
                    <a:close/>
                    <a:moveTo>
                      <a:pt x="116636" y="67192"/>
                    </a:moveTo>
                    <a:lnTo>
                      <a:pt x="130581" y="67192"/>
                    </a:lnTo>
                    <a:lnTo>
                      <a:pt x="149598" y="12678"/>
                    </a:lnTo>
                    <a:lnTo>
                      <a:pt x="149598" y="67192"/>
                    </a:lnTo>
                    <a:lnTo>
                      <a:pt x="164811" y="67192"/>
                    </a:lnTo>
                    <a:lnTo>
                      <a:pt x="164811" y="0"/>
                    </a:lnTo>
                    <a:lnTo>
                      <a:pt x="139456" y="0"/>
                    </a:lnTo>
                    <a:lnTo>
                      <a:pt x="124242" y="45640"/>
                    </a:lnTo>
                    <a:lnTo>
                      <a:pt x="109029" y="0"/>
                    </a:lnTo>
                    <a:lnTo>
                      <a:pt x="83673" y="0"/>
                    </a:lnTo>
                    <a:lnTo>
                      <a:pt x="83673" y="67192"/>
                    </a:lnTo>
                    <a:lnTo>
                      <a:pt x="98887" y="67192"/>
                    </a:lnTo>
                    <a:lnTo>
                      <a:pt x="98887" y="12678"/>
                    </a:lnTo>
                    <a:lnTo>
                      <a:pt x="116636" y="67192"/>
                    </a:lnTo>
                    <a:close/>
                    <a:moveTo>
                      <a:pt x="34230" y="25356"/>
                    </a:moveTo>
                    <a:lnTo>
                      <a:pt x="39301" y="11410"/>
                    </a:lnTo>
                    <a:lnTo>
                      <a:pt x="44372" y="25356"/>
                    </a:lnTo>
                    <a:lnTo>
                      <a:pt x="50711" y="40569"/>
                    </a:lnTo>
                    <a:lnTo>
                      <a:pt x="27891" y="40569"/>
                    </a:lnTo>
                    <a:lnTo>
                      <a:pt x="34230" y="25356"/>
                    </a:lnTo>
                    <a:close/>
                    <a:moveTo>
                      <a:pt x="60853" y="67192"/>
                    </a:moveTo>
                    <a:lnTo>
                      <a:pt x="77335" y="67192"/>
                    </a:lnTo>
                    <a:lnTo>
                      <a:pt x="48176" y="0"/>
                    </a:lnTo>
                    <a:lnTo>
                      <a:pt x="29159" y="0"/>
                    </a:lnTo>
                    <a:lnTo>
                      <a:pt x="0" y="67192"/>
                    </a:lnTo>
                    <a:lnTo>
                      <a:pt x="16481" y="67192"/>
                    </a:lnTo>
                    <a:lnTo>
                      <a:pt x="22820" y="53247"/>
                    </a:lnTo>
                    <a:lnTo>
                      <a:pt x="55782" y="53247"/>
                    </a:lnTo>
                    <a:lnTo>
                      <a:pt x="60853" y="67192"/>
                    </a:lnTo>
                    <a:close/>
                  </a:path>
                </a:pathLst>
              </a:custGeom>
              <a:solidFill>
                <a:srgbClr val="006FCF"/>
              </a:solidFill>
              <a:ln w="12488"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grpSp>
      </p:grpSp>
      <p:grpSp>
        <p:nvGrpSpPr>
          <p:cNvPr id="284" name="Group 283">
            <a:extLst>
              <a:ext uri="{FF2B5EF4-FFF2-40B4-BE49-F238E27FC236}">
                <a16:creationId xmlns:a16="http://schemas.microsoft.com/office/drawing/2014/main" id="{41E86032-8B5F-5045-D626-3E1EEF572800}"/>
              </a:ext>
            </a:extLst>
          </p:cNvPr>
          <p:cNvGrpSpPr/>
          <p:nvPr/>
        </p:nvGrpSpPr>
        <p:grpSpPr>
          <a:xfrm>
            <a:off x="675279" y="1824199"/>
            <a:ext cx="11100269" cy="462120"/>
            <a:chOff x="675279" y="1824199"/>
            <a:chExt cx="11100269" cy="462120"/>
          </a:xfrm>
        </p:grpSpPr>
        <p:grpSp>
          <p:nvGrpSpPr>
            <p:cNvPr id="285" name="Group 284">
              <a:extLst>
                <a:ext uri="{FF2B5EF4-FFF2-40B4-BE49-F238E27FC236}">
                  <a16:creationId xmlns:a16="http://schemas.microsoft.com/office/drawing/2014/main" id="{CD320853-71AC-04FD-EF1E-E90F3A1DE7D0}"/>
                </a:ext>
              </a:extLst>
            </p:cNvPr>
            <p:cNvGrpSpPr/>
            <p:nvPr/>
          </p:nvGrpSpPr>
          <p:grpSpPr>
            <a:xfrm>
              <a:off x="675279" y="1824199"/>
              <a:ext cx="11100269" cy="462120"/>
              <a:chOff x="675279" y="1679027"/>
              <a:chExt cx="11100269" cy="462120"/>
            </a:xfrm>
          </p:grpSpPr>
          <p:sp>
            <p:nvSpPr>
              <p:cNvPr id="287" name="Rectangle 286">
                <a:extLst>
                  <a:ext uri="{FF2B5EF4-FFF2-40B4-BE49-F238E27FC236}">
                    <a16:creationId xmlns:a16="http://schemas.microsoft.com/office/drawing/2014/main" id="{DD5BFFE8-1AD3-0449-BAAF-D3F00B0622C9}"/>
                  </a:ext>
                </a:extLst>
              </p:cNvPr>
              <p:cNvSpPr/>
              <p:nvPr/>
            </p:nvSpPr>
            <p:spPr>
              <a:xfrm rot="16200000">
                <a:off x="6790900" y="-2845893"/>
                <a:ext cx="459727" cy="9509568"/>
              </a:xfrm>
              <a:prstGeom prst="rect">
                <a:avLst/>
              </a:prstGeom>
              <a:solidFill>
                <a:schemeClr val="bg1"/>
              </a:solidFill>
              <a:ln w="3175">
                <a:solidFill>
                  <a:schemeClr val="bg1">
                    <a:lumMod val="65000"/>
                  </a:schemeClr>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100" b="1" i="0" u="none" strike="noStrike" kern="1200" cap="none" spc="0" normalizeH="0" baseline="0" noProof="0">
                  <a:ln>
                    <a:noFill/>
                  </a:ln>
                  <a:solidFill>
                    <a:prstClr val="white"/>
                  </a:solidFill>
                  <a:effectLst/>
                  <a:uLnTx/>
                  <a:uFillTx/>
                  <a:latin typeface="Roboto" panose="02000000000000000000" pitchFamily="2" charset="0"/>
                  <a:ea typeface="Roboto" panose="02000000000000000000" pitchFamily="2" charset="0"/>
                  <a:cs typeface="Roboto" panose="02000000000000000000" pitchFamily="2" charset="0"/>
                </a:endParaRPr>
              </a:p>
            </p:txBody>
          </p:sp>
          <p:cxnSp>
            <p:nvCxnSpPr>
              <p:cNvPr id="288" name="Straight Connector 287">
                <a:extLst>
                  <a:ext uri="{FF2B5EF4-FFF2-40B4-BE49-F238E27FC236}">
                    <a16:creationId xmlns:a16="http://schemas.microsoft.com/office/drawing/2014/main" id="{2F65CA99-6504-274D-83BD-999B55467530}"/>
                  </a:ext>
                </a:extLst>
              </p:cNvPr>
              <p:cNvCxnSpPr/>
              <p:nvPr/>
            </p:nvCxnSpPr>
            <p:spPr>
              <a:xfrm>
                <a:off x="1625900" y="1904940"/>
                <a:ext cx="640080" cy="0"/>
              </a:xfrm>
              <a:prstGeom prst="line">
                <a:avLst/>
              </a:prstGeom>
              <a:ln w="15875">
                <a:solidFill>
                  <a:schemeClr val="tx1">
                    <a:lumMod val="75000"/>
                    <a:lumOff val="25000"/>
                  </a:schemeClr>
                </a:solidFill>
              </a:ln>
            </p:spPr>
            <p:style>
              <a:lnRef idx="1">
                <a:schemeClr val="accent1"/>
              </a:lnRef>
              <a:fillRef idx="0">
                <a:schemeClr val="accent1"/>
              </a:fillRef>
              <a:effectRef idx="0">
                <a:schemeClr val="accent1"/>
              </a:effectRef>
              <a:fontRef idx="minor">
                <a:schemeClr val="tx1"/>
              </a:fontRef>
            </p:style>
          </p:cxnSp>
          <p:sp>
            <p:nvSpPr>
              <p:cNvPr id="289" name="Rectangle 288">
                <a:extLst>
                  <a:ext uri="{FF2B5EF4-FFF2-40B4-BE49-F238E27FC236}">
                    <a16:creationId xmlns:a16="http://schemas.microsoft.com/office/drawing/2014/main" id="{C8F3DD74-FF09-0EB3-7852-544AE2173FF1}"/>
                  </a:ext>
                </a:extLst>
              </p:cNvPr>
              <p:cNvSpPr/>
              <p:nvPr/>
            </p:nvSpPr>
            <p:spPr>
              <a:xfrm>
                <a:off x="675279" y="1681420"/>
                <a:ext cx="1590701" cy="459727"/>
              </a:xfrm>
              <a:prstGeom prst="rect">
                <a:avLst/>
              </a:prstGeom>
              <a:solidFill>
                <a:srgbClr val="045694"/>
              </a:solidFill>
              <a:ln w="3175">
                <a:solidFill>
                  <a:srgbClr val="01597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100" i="0" u="none" strike="noStrike" kern="1200" cap="none" spc="0" normalizeH="0" baseline="0" noProof="0">
                    <a:ln>
                      <a:noFill/>
                    </a:ln>
                    <a:solidFill>
                      <a:prstClr val="white"/>
                    </a:solidFill>
                    <a:effectLst/>
                    <a:uLnTx/>
                    <a:uFillTx/>
                    <a:latin typeface="Roboto" panose="02000000000000000000" pitchFamily="2" charset="0"/>
                    <a:ea typeface="Roboto" panose="02000000000000000000" pitchFamily="2" charset="0"/>
                    <a:cs typeface="Roboto" panose="02000000000000000000" pitchFamily="2" charset="0"/>
                  </a:rPr>
                  <a:t>Engineering &amp; Manufacturing</a:t>
                </a:r>
              </a:p>
            </p:txBody>
          </p:sp>
          <p:pic>
            <p:nvPicPr>
              <p:cNvPr id="290" name="Picture 57">
                <a:extLst>
                  <a:ext uri="{FF2B5EF4-FFF2-40B4-BE49-F238E27FC236}">
                    <a16:creationId xmlns:a16="http://schemas.microsoft.com/office/drawing/2014/main" id="{969C139D-50F2-51D4-7833-439F33DEA369}"/>
                  </a:ext>
                </a:extLst>
              </p:cNvPr>
              <p:cNvPicPr>
                <a:picLocks noChangeAspect="1" noChangeArrowheads="1"/>
              </p:cNvPicPr>
              <p:nvPr/>
            </p:nvPicPr>
            <p:blipFill>
              <a:blip r:embed="rId40" cstate="email"/>
              <a:srcRect/>
              <a:stretch>
                <a:fillRect/>
              </a:stretch>
            </p:blipFill>
            <p:spPr bwMode="auto">
              <a:xfrm>
                <a:off x="10981915" y="1719744"/>
                <a:ext cx="505150" cy="348125"/>
              </a:xfrm>
              <a:prstGeom prst="rect">
                <a:avLst/>
              </a:prstGeom>
              <a:noFill/>
              <a:ln w="9525">
                <a:noFill/>
                <a:miter lim="800000"/>
                <a:headEnd/>
                <a:tailEnd/>
              </a:ln>
            </p:spPr>
          </p:pic>
          <p:pic>
            <p:nvPicPr>
              <p:cNvPr id="291" name="Picture 2" descr="http://ww1.prweb.com/prfiles/2012/02/03/11099535/TE%20Connectivity%20Logo.JPG">
                <a:extLst>
                  <a:ext uri="{FF2B5EF4-FFF2-40B4-BE49-F238E27FC236}">
                    <a16:creationId xmlns:a16="http://schemas.microsoft.com/office/drawing/2014/main" id="{08AE57C2-8444-094A-699F-A8CCEF5D4C74}"/>
                  </a:ext>
                </a:extLst>
              </p:cNvPr>
              <p:cNvPicPr>
                <a:picLocks noChangeAspect="1" noChangeArrowheads="1"/>
              </p:cNvPicPr>
              <p:nvPr/>
            </p:nvPicPr>
            <p:blipFill>
              <a:blip r:embed="rId41" cstate="screen"/>
              <a:srcRect/>
              <a:stretch>
                <a:fillRect/>
              </a:stretch>
            </p:blipFill>
            <p:spPr bwMode="auto">
              <a:xfrm>
                <a:off x="5694395" y="1755956"/>
                <a:ext cx="687003" cy="340428"/>
              </a:xfrm>
              <a:prstGeom prst="rect">
                <a:avLst/>
              </a:prstGeom>
              <a:noFill/>
            </p:spPr>
          </p:pic>
          <p:pic>
            <p:nvPicPr>
              <p:cNvPr id="292" name="Picture 34" descr="http://www.photos.apo-opa.com/plog-content/images/apo/logos/philips-1.jpg">
                <a:extLst>
                  <a:ext uri="{FF2B5EF4-FFF2-40B4-BE49-F238E27FC236}">
                    <a16:creationId xmlns:a16="http://schemas.microsoft.com/office/drawing/2014/main" id="{EC98E68A-3C74-1CB3-0267-F1F491D338E9}"/>
                  </a:ext>
                </a:extLst>
              </p:cNvPr>
              <p:cNvPicPr>
                <a:picLocks noChangeAspect="1" noChangeArrowheads="1"/>
              </p:cNvPicPr>
              <p:nvPr/>
            </p:nvPicPr>
            <p:blipFill>
              <a:blip r:embed="rId42" cstate="screen">
                <a:extLst>
                  <a:ext uri="{28A0092B-C50C-407E-A947-70E740481C1C}">
                    <a14:useLocalDpi xmlns:a14="http://schemas.microsoft.com/office/drawing/2010/main"/>
                  </a:ext>
                </a:extLst>
              </a:blip>
              <a:srcRect/>
              <a:stretch>
                <a:fillRect/>
              </a:stretch>
            </p:blipFill>
            <p:spPr bwMode="auto">
              <a:xfrm>
                <a:off x="2431064" y="1830457"/>
                <a:ext cx="985131" cy="179741"/>
              </a:xfrm>
              <a:prstGeom prst="rect">
                <a:avLst/>
              </a:prstGeom>
              <a:noFill/>
            </p:spPr>
          </p:pic>
          <p:pic>
            <p:nvPicPr>
              <p:cNvPr id="293" name="Picture 24" descr="https://www.tucana-global.com/wp-content/uploads/2014/06/Lubrizol.gif">
                <a:extLst>
                  <a:ext uri="{FF2B5EF4-FFF2-40B4-BE49-F238E27FC236}">
                    <a16:creationId xmlns:a16="http://schemas.microsoft.com/office/drawing/2014/main" id="{CE0CC6E0-B649-52E9-0CA2-89B5C16B9293}"/>
                  </a:ext>
                </a:extLst>
              </p:cNvPr>
              <p:cNvPicPr>
                <a:picLocks noChangeAspect="1" noChangeArrowheads="1"/>
              </p:cNvPicPr>
              <p:nvPr/>
            </p:nvPicPr>
            <p:blipFill>
              <a:blip r:embed="rId43" cstate="screen">
                <a:extLst>
                  <a:ext uri="{28A0092B-C50C-407E-A947-70E740481C1C}">
                    <a14:useLocalDpi xmlns:a14="http://schemas.microsoft.com/office/drawing/2010/main"/>
                  </a:ext>
                </a:extLst>
              </a:blip>
              <a:srcRect/>
              <a:stretch>
                <a:fillRect/>
              </a:stretch>
            </p:blipFill>
            <p:spPr bwMode="auto">
              <a:xfrm>
                <a:off x="6536675" y="1817835"/>
                <a:ext cx="764676" cy="243163"/>
              </a:xfrm>
              <a:prstGeom prst="rect">
                <a:avLst/>
              </a:prstGeom>
              <a:noFill/>
            </p:spPr>
          </p:pic>
          <p:pic>
            <p:nvPicPr>
              <p:cNvPr id="294" name="Picture 293" descr="Graphical user interface, logo&#10;&#10;Description automatically generated">
                <a:extLst>
                  <a:ext uri="{FF2B5EF4-FFF2-40B4-BE49-F238E27FC236}">
                    <a16:creationId xmlns:a16="http://schemas.microsoft.com/office/drawing/2014/main" id="{1C16F360-6231-E605-D046-ED936A037889}"/>
                  </a:ext>
                </a:extLst>
              </p:cNvPr>
              <p:cNvPicPr>
                <a:picLocks noChangeAspect="1"/>
              </p:cNvPicPr>
              <p:nvPr/>
            </p:nvPicPr>
            <p:blipFill rotWithShape="1">
              <a:blip r:embed="rId44" cstate="screen">
                <a:extLst>
                  <a:ext uri="{28A0092B-C50C-407E-A947-70E740481C1C}">
                    <a14:useLocalDpi xmlns:a14="http://schemas.microsoft.com/office/drawing/2010/main"/>
                  </a:ext>
                </a:extLst>
              </a:blip>
              <a:srcRect/>
              <a:stretch/>
            </p:blipFill>
            <p:spPr>
              <a:xfrm>
                <a:off x="3606218" y="1715056"/>
                <a:ext cx="840715" cy="421398"/>
              </a:xfrm>
              <a:prstGeom prst="rect">
                <a:avLst/>
              </a:prstGeom>
            </p:spPr>
          </p:pic>
          <p:sp>
            <p:nvSpPr>
              <p:cNvPr id="295" name="Freeform: Shape 294">
                <a:extLst>
                  <a:ext uri="{FF2B5EF4-FFF2-40B4-BE49-F238E27FC236}">
                    <a16:creationId xmlns:a16="http://schemas.microsoft.com/office/drawing/2014/main" id="{FDACA502-3839-BABD-AF7B-010AE2AB4336}"/>
                  </a:ext>
                </a:extLst>
              </p:cNvPr>
              <p:cNvSpPr/>
              <p:nvPr/>
            </p:nvSpPr>
            <p:spPr>
              <a:xfrm>
                <a:off x="7473852" y="1777076"/>
                <a:ext cx="50511" cy="50511"/>
              </a:xfrm>
              <a:custGeom>
                <a:avLst/>
                <a:gdLst>
                  <a:gd name="connsiteX0" fmla="*/ 0 w 50511"/>
                  <a:gd name="connsiteY0" fmla="*/ 0 h 50511"/>
                  <a:gd name="connsiteX1" fmla="*/ 50512 w 50511"/>
                  <a:gd name="connsiteY1" fmla="*/ 0 h 50511"/>
                  <a:gd name="connsiteX2" fmla="*/ 50512 w 50511"/>
                  <a:gd name="connsiteY2" fmla="*/ 50512 h 50511"/>
                  <a:gd name="connsiteX3" fmla="*/ 0 w 50511"/>
                  <a:gd name="connsiteY3" fmla="*/ 50512 h 50511"/>
                </a:gdLst>
                <a:ahLst/>
                <a:cxnLst>
                  <a:cxn ang="0">
                    <a:pos x="connsiteX0" y="connsiteY0"/>
                  </a:cxn>
                  <a:cxn ang="0">
                    <a:pos x="connsiteX1" y="connsiteY1"/>
                  </a:cxn>
                  <a:cxn ang="0">
                    <a:pos x="connsiteX2" y="connsiteY2"/>
                  </a:cxn>
                  <a:cxn ang="0">
                    <a:pos x="connsiteX3" y="connsiteY3"/>
                  </a:cxn>
                </a:cxnLst>
                <a:rect l="l" t="t" r="r" b="b"/>
                <a:pathLst>
                  <a:path w="50511" h="50511">
                    <a:moveTo>
                      <a:pt x="0" y="0"/>
                    </a:moveTo>
                    <a:lnTo>
                      <a:pt x="50512" y="0"/>
                    </a:lnTo>
                    <a:lnTo>
                      <a:pt x="50512" y="50512"/>
                    </a:lnTo>
                    <a:lnTo>
                      <a:pt x="0" y="50512"/>
                    </a:lnTo>
                    <a:close/>
                  </a:path>
                </a:pathLst>
              </a:custGeom>
              <a:solidFill>
                <a:srgbClr val="0068B5"/>
              </a:solidFill>
              <a:ln w="178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grpSp>
            <p:nvGrpSpPr>
              <p:cNvPr id="296" name="Graphic 37">
                <a:extLst>
                  <a:ext uri="{FF2B5EF4-FFF2-40B4-BE49-F238E27FC236}">
                    <a16:creationId xmlns:a16="http://schemas.microsoft.com/office/drawing/2014/main" id="{3B6EB8E5-A079-5A51-E4C5-BBE9BD97DA20}"/>
                  </a:ext>
                </a:extLst>
              </p:cNvPr>
              <p:cNvGrpSpPr/>
              <p:nvPr/>
            </p:nvGrpSpPr>
            <p:grpSpPr>
              <a:xfrm>
                <a:off x="7535720" y="1806962"/>
                <a:ext cx="575521" cy="203393"/>
                <a:chOff x="7302570" y="1635663"/>
                <a:chExt cx="696380" cy="270715"/>
              </a:xfrm>
              <a:solidFill>
                <a:srgbClr val="000000"/>
              </a:solidFill>
            </p:grpSpPr>
            <p:sp>
              <p:nvSpPr>
                <p:cNvPr id="303" name="Freeform: Shape 302">
                  <a:extLst>
                    <a:ext uri="{FF2B5EF4-FFF2-40B4-BE49-F238E27FC236}">
                      <a16:creationId xmlns:a16="http://schemas.microsoft.com/office/drawing/2014/main" id="{870E63EB-CB06-29EA-CA07-A4CB9AA3E689}"/>
                    </a:ext>
                  </a:extLst>
                </p:cNvPr>
                <p:cNvSpPr/>
                <p:nvPr/>
              </p:nvSpPr>
              <p:spPr>
                <a:xfrm>
                  <a:off x="7302570" y="1635663"/>
                  <a:ext cx="640296" cy="270715"/>
                </a:xfrm>
                <a:custGeom>
                  <a:avLst/>
                  <a:gdLst>
                    <a:gd name="connsiteX0" fmla="*/ 47815 w 640296"/>
                    <a:gd name="connsiteY0" fmla="*/ 266940 h 270715"/>
                    <a:gd name="connsiteX1" fmla="*/ 47815 w 640296"/>
                    <a:gd name="connsiteY1" fmla="*/ 85025 h 270715"/>
                    <a:gd name="connsiteX2" fmla="*/ 0 w 640296"/>
                    <a:gd name="connsiteY2" fmla="*/ 85025 h 270715"/>
                    <a:gd name="connsiteX3" fmla="*/ 0 w 640296"/>
                    <a:gd name="connsiteY3" fmla="*/ 266940 h 270715"/>
                    <a:gd name="connsiteX4" fmla="*/ 47815 w 640296"/>
                    <a:gd name="connsiteY4" fmla="*/ 266940 h 270715"/>
                    <a:gd name="connsiteX5" fmla="*/ 365627 w 640296"/>
                    <a:gd name="connsiteY5" fmla="*/ 268738 h 270715"/>
                    <a:gd name="connsiteX6" fmla="*/ 365627 w 640296"/>
                    <a:gd name="connsiteY6" fmla="*/ 224158 h 270715"/>
                    <a:gd name="connsiteX7" fmla="*/ 348370 w 640296"/>
                    <a:gd name="connsiteY7" fmla="*/ 223079 h 270715"/>
                    <a:gd name="connsiteX8" fmla="*/ 337045 w 640296"/>
                    <a:gd name="connsiteY8" fmla="*/ 218046 h 270715"/>
                    <a:gd name="connsiteX9" fmla="*/ 332012 w 640296"/>
                    <a:gd name="connsiteY9" fmla="*/ 207261 h 270715"/>
                    <a:gd name="connsiteX10" fmla="*/ 330934 w 640296"/>
                    <a:gd name="connsiteY10" fmla="*/ 189644 h 270715"/>
                    <a:gd name="connsiteX11" fmla="*/ 330934 w 640296"/>
                    <a:gd name="connsiteY11" fmla="*/ 126010 h 270715"/>
                    <a:gd name="connsiteX12" fmla="*/ 365627 w 640296"/>
                    <a:gd name="connsiteY12" fmla="*/ 126010 h 270715"/>
                    <a:gd name="connsiteX13" fmla="*/ 365627 w 640296"/>
                    <a:gd name="connsiteY13" fmla="*/ 85025 h 270715"/>
                    <a:gd name="connsiteX14" fmla="*/ 330934 w 640296"/>
                    <a:gd name="connsiteY14" fmla="*/ 85025 h 270715"/>
                    <a:gd name="connsiteX15" fmla="*/ 330934 w 640296"/>
                    <a:gd name="connsiteY15" fmla="*/ 14021 h 270715"/>
                    <a:gd name="connsiteX16" fmla="*/ 282938 w 640296"/>
                    <a:gd name="connsiteY16" fmla="*/ 14021 h 270715"/>
                    <a:gd name="connsiteX17" fmla="*/ 282938 w 640296"/>
                    <a:gd name="connsiteY17" fmla="*/ 190004 h 270715"/>
                    <a:gd name="connsiteX18" fmla="*/ 286713 w 640296"/>
                    <a:gd name="connsiteY18" fmla="*/ 227573 h 270715"/>
                    <a:gd name="connsiteX19" fmla="*/ 299476 w 640296"/>
                    <a:gd name="connsiteY19" fmla="*/ 251661 h 270715"/>
                    <a:gd name="connsiteX20" fmla="*/ 322844 w 640296"/>
                    <a:gd name="connsiteY20" fmla="*/ 264783 h 270715"/>
                    <a:gd name="connsiteX21" fmla="*/ 359335 w 640296"/>
                    <a:gd name="connsiteY21" fmla="*/ 268738 h 270715"/>
                    <a:gd name="connsiteX22" fmla="*/ 365627 w 640296"/>
                    <a:gd name="connsiteY22" fmla="*/ 268738 h 270715"/>
                    <a:gd name="connsiteX23" fmla="*/ 365627 w 640296"/>
                    <a:gd name="connsiteY23" fmla="*/ 268738 h 270715"/>
                    <a:gd name="connsiteX24" fmla="*/ 640296 w 640296"/>
                    <a:gd name="connsiteY24" fmla="*/ 266940 h 270715"/>
                    <a:gd name="connsiteX25" fmla="*/ 640296 w 640296"/>
                    <a:gd name="connsiteY25" fmla="*/ 0 h 270715"/>
                    <a:gd name="connsiteX26" fmla="*/ 592301 w 640296"/>
                    <a:gd name="connsiteY26" fmla="*/ 0 h 270715"/>
                    <a:gd name="connsiteX27" fmla="*/ 592301 w 640296"/>
                    <a:gd name="connsiteY27" fmla="*/ 266940 h 270715"/>
                    <a:gd name="connsiteX28" fmla="*/ 640296 w 640296"/>
                    <a:gd name="connsiteY28" fmla="*/ 266940 h 270715"/>
                    <a:gd name="connsiteX29" fmla="*/ 236741 w 640296"/>
                    <a:gd name="connsiteY29" fmla="*/ 102821 h 270715"/>
                    <a:gd name="connsiteX30" fmla="*/ 181016 w 640296"/>
                    <a:gd name="connsiteY30" fmla="*/ 81250 h 270715"/>
                    <a:gd name="connsiteX31" fmla="*/ 149558 w 640296"/>
                    <a:gd name="connsiteY31" fmla="*/ 88261 h 270715"/>
                    <a:gd name="connsiteX32" fmla="*/ 125830 w 640296"/>
                    <a:gd name="connsiteY32" fmla="*/ 107675 h 270715"/>
                    <a:gd name="connsiteX33" fmla="*/ 123134 w 640296"/>
                    <a:gd name="connsiteY33" fmla="*/ 111090 h 270715"/>
                    <a:gd name="connsiteX34" fmla="*/ 123134 w 640296"/>
                    <a:gd name="connsiteY34" fmla="*/ 108034 h 270715"/>
                    <a:gd name="connsiteX35" fmla="*/ 123134 w 640296"/>
                    <a:gd name="connsiteY35" fmla="*/ 85025 h 270715"/>
                    <a:gd name="connsiteX36" fmla="*/ 75858 w 640296"/>
                    <a:gd name="connsiteY36" fmla="*/ 85025 h 270715"/>
                    <a:gd name="connsiteX37" fmla="*/ 75858 w 640296"/>
                    <a:gd name="connsiteY37" fmla="*/ 266940 h 270715"/>
                    <a:gd name="connsiteX38" fmla="*/ 123493 w 640296"/>
                    <a:gd name="connsiteY38" fmla="*/ 266940 h 270715"/>
                    <a:gd name="connsiteX39" fmla="*/ 123493 w 640296"/>
                    <a:gd name="connsiteY39" fmla="*/ 170051 h 270715"/>
                    <a:gd name="connsiteX40" fmla="*/ 123493 w 640296"/>
                    <a:gd name="connsiteY40" fmla="*/ 176702 h 270715"/>
                    <a:gd name="connsiteX41" fmla="*/ 123493 w 640296"/>
                    <a:gd name="connsiteY41" fmla="*/ 173466 h 270715"/>
                    <a:gd name="connsiteX42" fmla="*/ 136076 w 640296"/>
                    <a:gd name="connsiteY42" fmla="*/ 135717 h 270715"/>
                    <a:gd name="connsiteX43" fmla="*/ 166455 w 640296"/>
                    <a:gd name="connsiteY43" fmla="*/ 122775 h 270715"/>
                    <a:gd name="connsiteX44" fmla="*/ 197913 w 640296"/>
                    <a:gd name="connsiteY44" fmla="*/ 135358 h 270715"/>
                    <a:gd name="connsiteX45" fmla="*/ 208339 w 640296"/>
                    <a:gd name="connsiteY45" fmla="*/ 170231 h 270715"/>
                    <a:gd name="connsiteX46" fmla="*/ 208339 w 640296"/>
                    <a:gd name="connsiteY46" fmla="*/ 170231 h 270715"/>
                    <a:gd name="connsiteX47" fmla="*/ 208339 w 640296"/>
                    <a:gd name="connsiteY47" fmla="*/ 170590 h 270715"/>
                    <a:gd name="connsiteX48" fmla="*/ 208339 w 640296"/>
                    <a:gd name="connsiteY48" fmla="*/ 170590 h 270715"/>
                    <a:gd name="connsiteX49" fmla="*/ 208339 w 640296"/>
                    <a:gd name="connsiteY49" fmla="*/ 170590 h 270715"/>
                    <a:gd name="connsiteX50" fmla="*/ 208339 w 640296"/>
                    <a:gd name="connsiteY50" fmla="*/ 266760 h 270715"/>
                    <a:gd name="connsiteX51" fmla="*/ 256694 w 640296"/>
                    <a:gd name="connsiteY51" fmla="*/ 266760 h 270715"/>
                    <a:gd name="connsiteX52" fmla="*/ 256694 w 640296"/>
                    <a:gd name="connsiteY52" fmla="*/ 163580 h 270715"/>
                    <a:gd name="connsiteX53" fmla="*/ 236741 w 640296"/>
                    <a:gd name="connsiteY53" fmla="*/ 102821 h 270715"/>
                    <a:gd name="connsiteX54" fmla="*/ 567494 w 640296"/>
                    <a:gd name="connsiteY54" fmla="*/ 175623 h 270715"/>
                    <a:gd name="connsiteX55" fmla="*/ 560664 w 640296"/>
                    <a:gd name="connsiteY55" fmla="*/ 138773 h 270715"/>
                    <a:gd name="connsiteX56" fmla="*/ 541430 w 640296"/>
                    <a:gd name="connsiteY56" fmla="*/ 108753 h 270715"/>
                    <a:gd name="connsiteX57" fmla="*/ 511770 w 640296"/>
                    <a:gd name="connsiteY57" fmla="*/ 88621 h 270715"/>
                    <a:gd name="connsiteX58" fmla="*/ 473661 w 640296"/>
                    <a:gd name="connsiteY58" fmla="*/ 81430 h 270715"/>
                    <a:gd name="connsiteX59" fmla="*/ 436631 w 640296"/>
                    <a:gd name="connsiteY59" fmla="*/ 88800 h 270715"/>
                    <a:gd name="connsiteX60" fmla="*/ 406611 w 640296"/>
                    <a:gd name="connsiteY60" fmla="*/ 108933 h 270715"/>
                    <a:gd name="connsiteX61" fmla="*/ 386479 w 640296"/>
                    <a:gd name="connsiteY61" fmla="*/ 138953 h 270715"/>
                    <a:gd name="connsiteX62" fmla="*/ 379109 w 640296"/>
                    <a:gd name="connsiteY62" fmla="*/ 175983 h 270715"/>
                    <a:gd name="connsiteX63" fmla="*/ 386119 w 640296"/>
                    <a:gd name="connsiteY63" fmla="*/ 213013 h 270715"/>
                    <a:gd name="connsiteX64" fmla="*/ 405713 w 640296"/>
                    <a:gd name="connsiteY64" fmla="*/ 243032 h 270715"/>
                    <a:gd name="connsiteX65" fmla="*/ 436092 w 640296"/>
                    <a:gd name="connsiteY65" fmla="*/ 263165 h 270715"/>
                    <a:gd name="connsiteX66" fmla="*/ 475099 w 640296"/>
                    <a:gd name="connsiteY66" fmla="*/ 270715 h 270715"/>
                    <a:gd name="connsiteX67" fmla="*/ 555990 w 640296"/>
                    <a:gd name="connsiteY67" fmla="*/ 234943 h 270715"/>
                    <a:gd name="connsiteX68" fmla="*/ 521476 w 640296"/>
                    <a:gd name="connsiteY68" fmla="*/ 208699 h 270715"/>
                    <a:gd name="connsiteX69" fmla="*/ 475459 w 640296"/>
                    <a:gd name="connsiteY69" fmla="*/ 229011 h 270715"/>
                    <a:gd name="connsiteX70" fmla="*/ 442383 w 640296"/>
                    <a:gd name="connsiteY70" fmla="*/ 219664 h 270715"/>
                    <a:gd name="connsiteX71" fmla="*/ 425126 w 640296"/>
                    <a:gd name="connsiteY71" fmla="*/ 194318 h 270715"/>
                    <a:gd name="connsiteX72" fmla="*/ 424587 w 640296"/>
                    <a:gd name="connsiteY72" fmla="*/ 192700 h 270715"/>
                    <a:gd name="connsiteX73" fmla="*/ 567494 w 640296"/>
                    <a:gd name="connsiteY73" fmla="*/ 192700 h 270715"/>
                    <a:gd name="connsiteX74" fmla="*/ 567494 w 640296"/>
                    <a:gd name="connsiteY74" fmla="*/ 175623 h 270715"/>
                    <a:gd name="connsiteX75" fmla="*/ 567494 w 640296"/>
                    <a:gd name="connsiteY75" fmla="*/ 175623 h 270715"/>
                    <a:gd name="connsiteX76" fmla="*/ 424947 w 640296"/>
                    <a:gd name="connsiteY76" fmla="*/ 158906 h 270715"/>
                    <a:gd name="connsiteX77" fmla="*/ 473122 w 640296"/>
                    <a:gd name="connsiteY77" fmla="*/ 122235 h 270715"/>
                    <a:gd name="connsiteX78" fmla="*/ 521476 w 640296"/>
                    <a:gd name="connsiteY78" fmla="*/ 158726 h 270715"/>
                    <a:gd name="connsiteX79" fmla="*/ 424947 w 640296"/>
                    <a:gd name="connsiteY79" fmla="*/ 158906 h 27071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 ang="0">
                      <a:pos x="connsiteX76" y="connsiteY76"/>
                    </a:cxn>
                    <a:cxn ang="0">
                      <a:pos x="connsiteX77" y="connsiteY77"/>
                    </a:cxn>
                    <a:cxn ang="0">
                      <a:pos x="connsiteX78" y="connsiteY78"/>
                    </a:cxn>
                    <a:cxn ang="0">
                      <a:pos x="connsiteX79" y="connsiteY79"/>
                    </a:cxn>
                  </a:cxnLst>
                  <a:rect l="l" t="t" r="r" b="b"/>
                  <a:pathLst>
                    <a:path w="640296" h="270715">
                      <a:moveTo>
                        <a:pt x="47815" y="266940"/>
                      </a:moveTo>
                      <a:lnTo>
                        <a:pt x="47815" y="85025"/>
                      </a:lnTo>
                      <a:lnTo>
                        <a:pt x="0" y="85025"/>
                      </a:lnTo>
                      <a:lnTo>
                        <a:pt x="0" y="266940"/>
                      </a:lnTo>
                      <a:lnTo>
                        <a:pt x="47815" y="266940"/>
                      </a:lnTo>
                      <a:close/>
                      <a:moveTo>
                        <a:pt x="365627" y="268738"/>
                      </a:moveTo>
                      <a:lnTo>
                        <a:pt x="365627" y="224158"/>
                      </a:lnTo>
                      <a:cubicBezTo>
                        <a:pt x="358616" y="224158"/>
                        <a:pt x="352684" y="223798"/>
                        <a:pt x="348370" y="223079"/>
                      </a:cubicBezTo>
                      <a:cubicBezTo>
                        <a:pt x="343337" y="222360"/>
                        <a:pt x="339562" y="220563"/>
                        <a:pt x="337045" y="218046"/>
                      </a:cubicBezTo>
                      <a:cubicBezTo>
                        <a:pt x="334529" y="215529"/>
                        <a:pt x="332911" y="211934"/>
                        <a:pt x="332012" y="207261"/>
                      </a:cubicBezTo>
                      <a:cubicBezTo>
                        <a:pt x="331293" y="202767"/>
                        <a:pt x="330934" y="196835"/>
                        <a:pt x="330934" y="189644"/>
                      </a:cubicBezTo>
                      <a:lnTo>
                        <a:pt x="330934" y="126010"/>
                      </a:lnTo>
                      <a:lnTo>
                        <a:pt x="365627" y="126010"/>
                      </a:lnTo>
                      <a:lnTo>
                        <a:pt x="365627" y="85025"/>
                      </a:lnTo>
                      <a:lnTo>
                        <a:pt x="330934" y="85025"/>
                      </a:lnTo>
                      <a:lnTo>
                        <a:pt x="330934" y="14021"/>
                      </a:lnTo>
                      <a:lnTo>
                        <a:pt x="282938" y="14021"/>
                      </a:lnTo>
                      <a:lnTo>
                        <a:pt x="282938" y="190004"/>
                      </a:lnTo>
                      <a:cubicBezTo>
                        <a:pt x="282938" y="204924"/>
                        <a:pt x="284197" y="217507"/>
                        <a:pt x="286713" y="227573"/>
                      </a:cubicBezTo>
                      <a:cubicBezTo>
                        <a:pt x="289230" y="237460"/>
                        <a:pt x="293544" y="245549"/>
                        <a:pt x="299476" y="251661"/>
                      </a:cubicBezTo>
                      <a:cubicBezTo>
                        <a:pt x="305408" y="257773"/>
                        <a:pt x="313317" y="262087"/>
                        <a:pt x="322844" y="264783"/>
                      </a:cubicBezTo>
                      <a:cubicBezTo>
                        <a:pt x="332551" y="267479"/>
                        <a:pt x="344775" y="268738"/>
                        <a:pt x="359335" y="268738"/>
                      </a:cubicBezTo>
                      <a:lnTo>
                        <a:pt x="365627" y="268738"/>
                      </a:lnTo>
                      <a:lnTo>
                        <a:pt x="365627" y="268738"/>
                      </a:lnTo>
                      <a:close/>
                      <a:moveTo>
                        <a:pt x="640296" y="266940"/>
                      </a:moveTo>
                      <a:lnTo>
                        <a:pt x="640296" y="0"/>
                      </a:lnTo>
                      <a:lnTo>
                        <a:pt x="592301" y="0"/>
                      </a:lnTo>
                      <a:lnTo>
                        <a:pt x="592301" y="266940"/>
                      </a:lnTo>
                      <a:lnTo>
                        <a:pt x="640296" y="266940"/>
                      </a:lnTo>
                      <a:close/>
                      <a:moveTo>
                        <a:pt x="236741" y="102821"/>
                      </a:moveTo>
                      <a:cubicBezTo>
                        <a:pt x="223439" y="88441"/>
                        <a:pt x="204744" y="81250"/>
                        <a:pt x="181016" y="81250"/>
                      </a:cubicBezTo>
                      <a:cubicBezTo>
                        <a:pt x="169511" y="81250"/>
                        <a:pt x="159085" y="83587"/>
                        <a:pt x="149558" y="88261"/>
                      </a:cubicBezTo>
                      <a:cubicBezTo>
                        <a:pt x="140211" y="92935"/>
                        <a:pt x="132122" y="99406"/>
                        <a:pt x="125830" y="107675"/>
                      </a:cubicBezTo>
                      <a:lnTo>
                        <a:pt x="123134" y="111090"/>
                      </a:lnTo>
                      <a:lnTo>
                        <a:pt x="123134" y="108034"/>
                      </a:lnTo>
                      <a:lnTo>
                        <a:pt x="123134" y="85025"/>
                      </a:lnTo>
                      <a:lnTo>
                        <a:pt x="75858" y="85025"/>
                      </a:lnTo>
                      <a:lnTo>
                        <a:pt x="75858" y="266940"/>
                      </a:lnTo>
                      <a:lnTo>
                        <a:pt x="123493" y="266940"/>
                      </a:lnTo>
                      <a:lnTo>
                        <a:pt x="123493" y="170051"/>
                      </a:lnTo>
                      <a:lnTo>
                        <a:pt x="123493" y="176702"/>
                      </a:lnTo>
                      <a:cubicBezTo>
                        <a:pt x="123493" y="175623"/>
                        <a:pt x="123493" y="174545"/>
                        <a:pt x="123493" y="173466"/>
                      </a:cubicBezTo>
                      <a:cubicBezTo>
                        <a:pt x="124033" y="156389"/>
                        <a:pt x="128167" y="143806"/>
                        <a:pt x="136076" y="135717"/>
                      </a:cubicBezTo>
                      <a:cubicBezTo>
                        <a:pt x="144525" y="127089"/>
                        <a:pt x="154771" y="122775"/>
                        <a:pt x="166455" y="122775"/>
                      </a:cubicBezTo>
                      <a:cubicBezTo>
                        <a:pt x="180297" y="122775"/>
                        <a:pt x="190902" y="127089"/>
                        <a:pt x="197913" y="135358"/>
                      </a:cubicBezTo>
                      <a:cubicBezTo>
                        <a:pt x="204744" y="143626"/>
                        <a:pt x="208339" y="155311"/>
                        <a:pt x="208339" y="170231"/>
                      </a:cubicBezTo>
                      <a:lnTo>
                        <a:pt x="208339" y="170231"/>
                      </a:lnTo>
                      <a:lnTo>
                        <a:pt x="208339" y="170590"/>
                      </a:lnTo>
                      <a:lnTo>
                        <a:pt x="208339" y="170590"/>
                      </a:lnTo>
                      <a:lnTo>
                        <a:pt x="208339" y="170590"/>
                      </a:lnTo>
                      <a:lnTo>
                        <a:pt x="208339" y="266760"/>
                      </a:lnTo>
                      <a:lnTo>
                        <a:pt x="256694" y="266760"/>
                      </a:lnTo>
                      <a:lnTo>
                        <a:pt x="256694" y="163580"/>
                      </a:lnTo>
                      <a:cubicBezTo>
                        <a:pt x="256873" y="137694"/>
                        <a:pt x="250043" y="117202"/>
                        <a:pt x="236741" y="102821"/>
                      </a:cubicBezTo>
                      <a:close/>
                      <a:moveTo>
                        <a:pt x="567494" y="175623"/>
                      </a:moveTo>
                      <a:cubicBezTo>
                        <a:pt x="567494" y="162501"/>
                        <a:pt x="565158" y="150277"/>
                        <a:pt x="560664" y="138773"/>
                      </a:cubicBezTo>
                      <a:cubicBezTo>
                        <a:pt x="555990" y="127448"/>
                        <a:pt x="549519" y="117382"/>
                        <a:pt x="541430" y="108753"/>
                      </a:cubicBezTo>
                      <a:cubicBezTo>
                        <a:pt x="533161" y="100125"/>
                        <a:pt x="523274" y="93474"/>
                        <a:pt x="511770" y="88621"/>
                      </a:cubicBezTo>
                      <a:cubicBezTo>
                        <a:pt x="500265" y="83767"/>
                        <a:pt x="487502" y="81430"/>
                        <a:pt x="473661" y="81430"/>
                      </a:cubicBezTo>
                      <a:cubicBezTo>
                        <a:pt x="460539" y="81430"/>
                        <a:pt x="448135" y="83947"/>
                        <a:pt x="436631" y="88800"/>
                      </a:cubicBezTo>
                      <a:cubicBezTo>
                        <a:pt x="425126" y="93834"/>
                        <a:pt x="415060" y="100485"/>
                        <a:pt x="406611" y="108933"/>
                      </a:cubicBezTo>
                      <a:cubicBezTo>
                        <a:pt x="398163" y="117382"/>
                        <a:pt x="391332" y="127448"/>
                        <a:pt x="386479" y="138953"/>
                      </a:cubicBezTo>
                      <a:cubicBezTo>
                        <a:pt x="381445" y="150457"/>
                        <a:pt x="379109" y="162860"/>
                        <a:pt x="379109" y="175983"/>
                      </a:cubicBezTo>
                      <a:cubicBezTo>
                        <a:pt x="379109" y="189105"/>
                        <a:pt x="381445" y="201508"/>
                        <a:pt x="386119" y="213013"/>
                      </a:cubicBezTo>
                      <a:cubicBezTo>
                        <a:pt x="390793" y="224517"/>
                        <a:pt x="397444" y="234584"/>
                        <a:pt x="405713" y="243032"/>
                      </a:cubicBezTo>
                      <a:cubicBezTo>
                        <a:pt x="413981" y="251481"/>
                        <a:pt x="424228" y="258312"/>
                        <a:pt x="436092" y="263165"/>
                      </a:cubicBezTo>
                      <a:cubicBezTo>
                        <a:pt x="447956" y="268198"/>
                        <a:pt x="461078" y="270715"/>
                        <a:pt x="475099" y="270715"/>
                      </a:cubicBezTo>
                      <a:cubicBezTo>
                        <a:pt x="515724" y="270715"/>
                        <a:pt x="540890" y="252200"/>
                        <a:pt x="555990" y="234943"/>
                      </a:cubicBezTo>
                      <a:lnTo>
                        <a:pt x="521476" y="208699"/>
                      </a:lnTo>
                      <a:cubicBezTo>
                        <a:pt x="514286" y="217327"/>
                        <a:pt x="497029" y="229011"/>
                        <a:pt x="475459" y="229011"/>
                      </a:cubicBezTo>
                      <a:cubicBezTo>
                        <a:pt x="461977" y="229011"/>
                        <a:pt x="450832" y="225955"/>
                        <a:pt x="442383" y="219664"/>
                      </a:cubicBezTo>
                      <a:cubicBezTo>
                        <a:pt x="433935" y="213552"/>
                        <a:pt x="428182" y="204924"/>
                        <a:pt x="425126" y="194318"/>
                      </a:cubicBezTo>
                      <a:lnTo>
                        <a:pt x="424587" y="192700"/>
                      </a:lnTo>
                      <a:lnTo>
                        <a:pt x="567494" y="192700"/>
                      </a:lnTo>
                      <a:lnTo>
                        <a:pt x="567494" y="175623"/>
                      </a:lnTo>
                      <a:lnTo>
                        <a:pt x="567494" y="175623"/>
                      </a:lnTo>
                      <a:close/>
                      <a:moveTo>
                        <a:pt x="424947" y="158906"/>
                      </a:moveTo>
                      <a:cubicBezTo>
                        <a:pt x="424947" y="145604"/>
                        <a:pt x="440226" y="122415"/>
                        <a:pt x="473122" y="122235"/>
                      </a:cubicBezTo>
                      <a:cubicBezTo>
                        <a:pt x="506017" y="122235"/>
                        <a:pt x="521476" y="145424"/>
                        <a:pt x="521476" y="158726"/>
                      </a:cubicBezTo>
                      <a:lnTo>
                        <a:pt x="424947" y="158906"/>
                      </a:lnTo>
                      <a:close/>
                    </a:path>
                  </a:pathLst>
                </a:custGeom>
                <a:solidFill>
                  <a:srgbClr val="000000"/>
                </a:solidFill>
                <a:ln w="178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304" name="Freeform: Shape 303">
                  <a:extLst>
                    <a:ext uri="{FF2B5EF4-FFF2-40B4-BE49-F238E27FC236}">
                      <a16:creationId xmlns:a16="http://schemas.microsoft.com/office/drawing/2014/main" id="{28736C42-01AD-6C2A-01F0-02161491E47F}"/>
                    </a:ext>
                  </a:extLst>
                </p:cNvPr>
                <p:cNvSpPr/>
                <p:nvPr/>
              </p:nvSpPr>
              <p:spPr>
                <a:xfrm>
                  <a:off x="7963718" y="1868090"/>
                  <a:ext cx="35232" cy="35232"/>
                </a:xfrm>
                <a:custGeom>
                  <a:avLst/>
                  <a:gdLst>
                    <a:gd name="connsiteX0" fmla="*/ 33794 w 35232"/>
                    <a:gd name="connsiteY0" fmla="*/ 10785 h 35232"/>
                    <a:gd name="connsiteX1" fmla="*/ 30020 w 35232"/>
                    <a:gd name="connsiteY1" fmla="*/ 5213 h 35232"/>
                    <a:gd name="connsiteX2" fmla="*/ 24447 w 35232"/>
                    <a:gd name="connsiteY2" fmla="*/ 1438 h 35232"/>
                    <a:gd name="connsiteX3" fmla="*/ 17616 w 35232"/>
                    <a:gd name="connsiteY3" fmla="*/ 0 h 35232"/>
                    <a:gd name="connsiteX4" fmla="*/ 10785 w 35232"/>
                    <a:gd name="connsiteY4" fmla="*/ 1438 h 35232"/>
                    <a:gd name="connsiteX5" fmla="*/ 5213 w 35232"/>
                    <a:gd name="connsiteY5" fmla="*/ 5213 h 35232"/>
                    <a:gd name="connsiteX6" fmla="*/ 1438 w 35232"/>
                    <a:gd name="connsiteY6" fmla="*/ 10785 h 35232"/>
                    <a:gd name="connsiteX7" fmla="*/ 0 w 35232"/>
                    <a:gd name="connsiteY7" fmla="*/ 17616 h 35232"/>
                    <a:gd name="connsiteX8" fmla="*/ 1438 w 35232"/>
                    <a:gd name="connsiteY8" fmla="*/ 24447 h 35232"/>
                    <a:gd name="connsiteX9" fmla="*/ 5213 w 35232"/>
                    <a:gd name="connsiteY9" fmla="*/ 30020 h 35232"/>
                    <a:gd name="connsiteX10" fmla="*/ 10785 w 35232"/>
                    <a:gd name="connsiteY10" fmla="*/ 33794 h 35232"/>
                    <a:gd name="connsiteX11" fmla="*/ 17616 w 35232"/>
                    <a:gd name="connsiteY11" fmla="*/ 35233 h 35232"/>
                    <a:gd name="connsiteX12" fmla="*/ 24447 w 35232"/>
                    <a:gd name="connsiteY12" fmla="*/ 33794 h 35232"/>
                    <a:gd name="connsiteX13" fmla="*/ 30020 w 35232"/>
                    <a:gd name="connsiteY13" fmla="*/ 30020 h 35232"/>
                    <a:gd name="connsiteX14" fmla="*/ 33794 w 35232"/>
                    <a:gd name="connsiteY14" fmla="*/ 24447 h 35232"/>
                    <a:gd name="connsiteX15" fmla="*/ 35232 w 35232"/>
                    <a:gd name="connsiteY15" fmla="*/ 17616 h 35232"/>
                    <a:gd name="connsiteX16" fmla="*/ 33794 w 35232"/>
                    <a:gd name="connsiteY16" fmla="*/ 10785 h 35232"/>
                    <a:gd name="connsiteX17" fmla="*/ 30918 w 35232"/>
                    <a:gd name="connsiteY17" fmla="*/ 23369 h 35232"/>
                    <a:gd name="connsiteX18" fmla="*/ 27862 w 35232"/>
                    <a:gd name="connsiteY18" fmla="*/ 28042 h 35232"/>
                    <a:gd name="connsiteX19" fmla="*/ 23189 w 35232"/>
                    <a:gd name="connsiteY19" fmla="*/ 31098 h 35232"/>
                    <a:gd name="connsiteX20" fmla="*/ 17436 w 35232"/>
                    <a:gd name="connsiteY20" fmla="*/ 32177 h 35232"/>
                    <a:gd name="connsiteX21" fmla="*/ 11684 w 35232"/>
                    <a:gd name="connsiteY21" fmla="*/ 31098 h 35232"/>
                    <a:gd name="connsiteX22" fmla="*/ 7011 w 35232"/>
                    <a:gd name="connsiteY22" fmla="*/ 28042 h 35232"/>
                    <a:gd name="connsiteX23" fmla="*/ 3955 w 35232"/>
                    <a:gd name="connsiteY23" fmla="*/ 23369 h 35232"/>
                    <a:gd name="connsiteX24" fmla="*/ 2876 w 35232"/>
                    <a:gd name="connsiteY24" fmla="*/ 17616 h 35232"/>
                    <a:gd name="connsiteX25" fmla="*/ 3955 w 35232"/>
                    <a:gd name="connsiteY25" fmla="*/ 11864 h 35232"/>
                    <a:gd name="connsiteX26" fmla="*/ 7011 w 35232"/>
                    <a:gd name="connsiteY26" fmla="*/ 7190 h 35232"/>
                    <a:gd name="connsiteX27" fmla="*/ 11684 w 35232"/>
                    <a:gd name="connsiteY27" fmla="*/ 4134 h 35232"/>
                    <a:gd name="connsiteX28" fmla="*/ 17436 w 35232"/>
                    <a:gd name="connsiteY28" fmla="*/ 3056 h 35232"/>
                    <a:gd name="connsiteX29" fmla="*/ 23189 w 35232"/>
                    <a:gd name="connsiteY29" fmla="*/ 4134 h 35232"/>
                    <a:gd name="connsiteX30" fmla="*/ 27862 w 35232"/>
                    <a:gd name="connsiteY30" fmla="*/ 7190 h 35232"/>
                    <a:gd name="connsiteX31" fmla="*/ 30918 w 35232"/>
                    <a:gd name="connsiteY31" fmla="*/ 11864 h 35232"/>
                    <a:gd name="connsiteX32" fmla="*/ 31997 w 35232"/>
                    <a:gd name="connsiteY32" fmla="*/ 17616 h 35232"/>
                    <a:gd name="connsiteX33" fmla="*/ 30918 w 35232"/>
                    <a:gd name="connsiteY33" fmla="*/ 23369 h 35232"/>
                    <a:gd name="connsiteX34" fmla="*/ 20852 w 35232"/>
                    <a:gd name="connsiteY34" fmla="*/ 19054 h 35232"/>
                    <a:gd name="connsiteX35" fmla="*/ 24267 w 35232"/>
                    <a:gd name="connsiteY35" fmla="*/ 17437 h 35232"/>
                    <a:gd name="connsiteX36" fmla="*/ 25705 w 35232"/>
                    <a:gd name="connsiteY36" fmla="*/ 13482 h 35232"/>
                    <a:gd name="connsiteX37" fmla="*/ 23908 w 35232"/>
                    <a:gd name="connsiteY37" fmla="*/ 8988 h 35232"/>
                    <a:gd name="connsiteX38" fmla="*/ 18515 w 35232"/>
                    <a:gd name="connsiteY38" fmla="*/ 7370 h 35232"/>
                    <a:gd name="connsiteX39" fmla="*/ 10606 w 35232"/>
                    <a:gd name="connsiteY39" fmla="*/ 7370 h 35232"/>
                    <a:gd name="connsiteX40" fmla="*/ 10606 w 35232"/>
                    <a:gd name="connsiteY40" fmla="*/ 27683 h 35232"/>
                    <a:gd name="connsiteX41" fmla="*/ 14381 w 35232"/>
                    <a:gd name="connsiteY41" fmla="*/ 27683 h 35232"/>
                    <a:gd name="connsiteX42" fmla="*/ 14381 w 35232"/>
                    <a:gd name="connsiteY42" fmla="*/ 19414 h 35232"/>
                    <a:gd name="connsiteX43" fmla="*/ 17077 w 35232"/>
                    <a:gd name="connsiteY43" fmla="*/ 19414 h 35232"/>
                    <a:gd name="connsiteX44" fmla="*/ 22110 w 35232"/>
                    <a:gd name="connsiteY44" fmla="*/ 27683 h 35232"/>
                    <a:gd name="connsiteX45" fmla="*/ 26065 w 35232"/>
                    <a:gd name="connsiteY45" fmla="*/ 27683 h 35232"/>
                    <a:gd name="connsiteX46" fmla="*/ 20852 w 35232"/>
                    <a:gd name="connsiteY46" fmla="*/ 19054 h 35232"/>
                    <a:gd name="connsiteX47" fmla="*/ 18875 w 35232"/>
                    <a:gd name="connsiteY47" fmla="*/ 16178 h 35232"/>
                    <a:gd name="connsiteX48" fmla="*/ 17077 w 35232"/>
                    <a:gd name="connsiteY48" fmla="*/ 16178 h 35232"/>
                    <a:gd name="connsiteX49" fmla="*/ 14381 w 35232"/>
                    <a:gd name="connsiteY49" fmla="*/ 16178 h 35232"/>
                    <a:gd name="connsiteX50" fmla="*/ 14381 w 35232"/>
                    <a:gd name="connsiteY50" fmla="*/ 10426 h 35232"/>
                    <a:gd name="connsiteX51" fmla="*/ 17077 w 35232"/>
                    <a:gd name="connsiteY51" fmla="*/ 10426 h 35232"/>
                    <a:gd name="connsiteX52" fmla="*/ 18875 w 35232"/>
                    <a:gd name="connsiteY52" fmla="*/ 10426 h 35232"/>
                    <a:gd name="connsiteX53" fmla="*/ 20492 w 35232"/>
                    <a:gd name="connsiteY53" fmla="*/ 10785 h 35232"/>
                    <a:gd name="connsiteX54" fmla="*/ 21571 w 35232"/>
                    <a:gd name="connsiteY54" fmla="*/ 11684 h 35232"/>
                    <a:gd name="connsiteX55" fmla="*/ 21930 w 35232"/>
                    <a:gd name="connsiteY55" fmla="*/ 13302 h 35232"/>
                    <a:gd name="connsiteX56" fmla="*/ 21571 w 35232"/>
                    <a:gd name="connsiteY56" fmla="*/ 14920 h 35232"/>
                    <a:gd name="connsiteX57" fmla="*/ 20492 w 35232"/>
                    <a:gd name="connsiteY57" fmla="*/ 15819 h 35232"/>
                    <a:gd name="connsiteX58" fmla="*/ 18875 w 35232"/>
                    <a:gd name="connsiteY58" fmla="*/ 16178 h 3523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Lst>
                  <a:rect l="l" t="t" r="r" b="b"/>
                  <a:pathLst>
                    <a:path w="35232" h="35232">
                      <a:moveTo>
                        <a:pt x="33794" y="10785"/>
                      </a:moveTo>
                      <a:cubicBezTo>
                        <a:pt x="32896" y="8628"/>
                        <a:pt x="31637" y="6831"/>
                        <a:pt x="30020" y="5213"/>
                      </a:cubicBezTo>
                      <a:cubicBezTo>
                        <a:pt x="28402" y="3595"/>
                        <a:pt x="26604" y="2337"/>
                        <a:pt x="24447" y="1438"/>
                      </a:cubicBezTo>
                      <a:cubicBezTo>
                        <a:pt x="22290" y="539"/>
                        <a:pt x="19953" y="0"/>
                        <a:pt x="17616" y="0"/>
                      </a:cubicBezTo>
                      <a:cubicBezTo>
                        <a:pt x="15100" y="0"/>
                        <a:pt x="12943" y="539"/>
                        <a:pt x="10785" y="1438"/>
                      </a:cubicBezTo>
                      <a:cubicBezTo>
                        <a:pt x="8628" y="2337"/>
                        <a:pt x="6831" y="3595"/>
                        <a:pt x="5213" y="5213"/>
                      </a:cubicBezTo>
                      <a:cubicBezTo>
                        <a:pt x="3595" y="6831"/>
                        <a:pt x="2337" y="8628"/>
                        <a:pt x="1438" y="10785"/>
                      </a:cubicBezTo>
                      <a:cubicBezTo>
                        <a:pt x="539" y="12943"/>
                        <a:pt x="0" y="15279"/>
                        <a:pt x="0" y="17616"/>
                      </a:cubicBezTo>
                      <a:cubicBezTo>
                        <a:pt x="0" y="20133"/>
                        <a:pt x="539" y="22290"/>
                        <a:pt x="1438" y="24447"/>
                      </a:cubicBezTo>
                      <a:cubicBezTo>
                        <a:pt x="2337" y="26604"/>
                        <a:pt x="3595" y="28402"/>
                        <a:pt x="5213" y="30020"/>
                      </a:cubicBezTo>
                      <a:cubicBezTo>
                        <a:pt x="6831" y="31637"/>
                        <a:pt x="8628" y="32896"/>
                        <a:pt x="10785" y="33794"/>
                      </a:cubicBezTo>
                      <a:cubicBezTo>
                        <a:pt x="12943" y="34693"/>
                        <a:pt x="15279" y="35233"/>
                        <a:pt x="17616" y="35233"/>
                      </a:cubicBezTo>
                      <a:cubicBezTo>
                        <a:pt x="20133" y="35233"/>
                        <a:pt x="22290" y="34693"/>
                        <a:pt x="24447" y="33794"/>
                      </a:cubicBezTo>
                      <a:cubicBezTo>
                        <a:pt x="26604" y="32896"/>
                        <a:pt x="28402" y="31637"/>
                        <a:pt x="30020" y="30020"/>
                      </a:cubicBezTo>
                      <a:cubicBezTo>
                        <a:pt x="31637" y="28402"/>
                        <a:pt x="32896" y="26604"/>
                        <a:pt x="33794" y="24447"/>
                      </a:cubicBezTo>
                      <a:cubicBezTo>
                        <a:pt x="34693" y="22290"/>
                        <a:pt x="35232" y="19953"/>
                        <a:pt x="35232" y="17616"/>
                      </a:cubicBezTo>
                      <a:cubicBezTo>
                        <a:pt x="35232" y="15279"/>
                        <a:pt x="34693" y="12943"/>
                        <a:pt x="33794" y="10785"/>
                      </a:cubicBezTo>
                      <a:close/>
                      <a:moveTo>
                        <a:pt x="30918" y="23369"/>
                      </a:moveTo>
                      <a:cubicBezTo>
                        <a:pt x="30199" y="25166"/>
                        <a:pt x="29121" y="26784"/>
                        <a:pt x="27862" y="28042"/>
                      </a:cubicBezTo>
                      <a:cubicBezTo>
                        <a:pt x="26604" y="29301"/>
                        <a:pt x="24986" y="30379"/>
                        <a:pt x="23189" y="31098"/>
                      </a:cubicBezTo>
                      <a:cubicBezTo>
                        <a:pt x="21391" y="31817"/>
                        <a:pt x="19594" y="32177"/>
                        <a:pt x="17436" y="32177"/>
                      </a:cubicBezTo>
                      <a:cubicBezTo>
                        <a:pt x="15459" y="32177"/>
                        <a:pt x="13482" y="31817"/>
                        <a:pt x="11684" y="31098"/>
                      </a:cubicBezTo>
                      <a:cubicBezTo>
                        <a:pt x="9887" y="30379"/>
                        <a:pt x="8269" y="29301"/>
                        <a:pt x="7011" y="28042"/>
                      </a:cubicBezTo>
                      <a:cubicBezTo>
                        <a:pt x="5752" y="26784"/>
                        <a:pt x="4674" y="25166"/>
                        <a:pt x="3955" y="23369"/>
                      </a:cubicBezTo>
                      <a:cubicBezTo>
                        <a:pt x="3236" y="21571"/>
                        <a:pt x="2876" y="19773"/>
                        <a:pt x="2876" y="17616"/>
                      </a:cubicBezTo>
                      <a:cubicBezTo>
                        <a:pt x="2876" y="15639"/>
                        <a:pt x="3236" y="13662"/>
                        <a:pt x="3955" y="11864"/>
                      </a:cubicBezTo>
                      <a:cubicBezTo>
                        <a:pt x="4674" y="10066"/>
                        <a:pt x="5752" y="8449"/>
                        <a:pt x="7011" y="7190"/>
                      </a:cubicBezTo>
                      <a:cubicBezTo>
                        <a:pt x="8269" y="5932"/>
                        <a:pt x="9887" y="4853"/>
                        <a:pt x="11684" y="4134"/>
                      </a:cubicBezTo>
                      <a:cubicBezTo>
                        <a:pt x="13482" y="3415"/>
                        <a:pt x="15279" y="3056"/>
                        <a:pt x="17436" y="3056"/>
                      </a:cubicBezTo>
                      <a:cubicBezTo>
                        <a:pt x="19414" y="3056"/>
                        <a:pt x="21391" y="3415"/>
                        <a:pt x="23189" y="4134"/>
                      </a:cubicBezTo>
                      <a:cubicBezTo>
                        <a:pt x="24986" y="4853"/>
                        <a:pt x="26604" y="5932"/>
                        <a:pt x="27862" y="7190"/>
                      </a:cubicBezTo>
                      <a:cubicBezTo>
                        <a:pt x="29121" y="8449"/>
                        <a:pt x="30199" y="10066"/>
                        <a:pt x="30918" y="11864"/>
                      </a:cubicBezTo>
                      <a:cubicBezTo>
                        <a:pt x="31637" y="13662"/>
                        <a:pt x="31997" y="15459"/>
                        <a:pt x="31997" y="17616"/>
                      </a:cubicBezTo>
                      <a:cubicBezTo>
                        <a:pt x="32177" y="19773"/>
                        <a:pt x="31637" y="21571"/>
                        <a:pt x="30918" y="23369"/>
                      </a:cubicBezTo>
                      <a:close/>
                      <a:moveTo>
                        <a:pt x="20852" y="19054"/>
                      </a:moveTo>
                      <a:cubicBezTo>
                        <a:pt x="22290" y="18875"/>
                        <a:pt x="23368" y="18335"/>
                        <a:pt x="24267" y="17437"/>
                      </a:cubicBezTo>
                      <a:cubicBezTo>
                        <a:pt x="25166" y="16538"/>
                        <a:pt x="25705" y="15279"/>
                        <a:pt x="25705" y="13482"/>
                      </a:cubicBezTo>
                      <a:cubicBezTo>
                        <a:pt x="25705" y="11505"/>
                        <a:pt x="25166" y="10066"/>
                        <a:pt x="23908" y="8988"/>
                      </a:cubicBezTo>
                      <a:cubicBezTo>
                        <a:pt x="22829" y="7909"/>
                        <a:pt x="20852" y="7370"/>
                        <a:pt x="18515" y="7370"/>
                      </a:cubicBezTo>
                      <a:lnTo>
                        <a:pt x="10606" y="7370"/>
                      </a:lnTo>
                      <a:lnTo>
                        <a:pt x="10606" y="27683"/>
                      </a:lnTo>
                      <a:lnTo>
                        <a:pt x="14381" y="27683"/>
                      </a:lnTo>
                      <a:lnTo>
                        <a:pt x="14381" y="19414"/>
                      </a:lnTo>
                      <a:lnTo>
                        <a:pt x="17077" y="19414"/>
                      </a:lnTo>
                      <a:lnTo>
                        <a:pt x="22110" y="27683"/>
                      </a:lnTo>
                      <a:lnTo>
                        <a:pt x="26065" y="27683"/>
                      </a:lnTo>
                      <a:lnTo>
                        <a:pt x="20852" y="19054"/>
                      </a:lnTo>
                      <a:close/>
                      <a:moveTo>
                        <a:pt x="18875" y="16178"/>
                      </a:moveTo>
                      <a:cubicBezTo>
                        <a:pt x="18335" y="16178"/>
                        <a:pt x="17796" y="16178"/>
                        <a:pt x="17077" y="16178"/>
                      </a:cubicBezTo>
                      <a:lnTo>
                        <a:pt x="14381" y="16178"/>
                      </a:lnTo>
                      <a:lnTo>
                        <a:pt x="14381" y="10426"/>
                      </a:lnTo>
                      <a:lnTo>
                        <a:pt x="17077" y="10426"/>
                      </a:lnTo>
                      <a:cubicBezTo>
                        <a:pt x="17616" y="10426"/>
                        <a:pt x="18156" y="10426"/>
                        <a:pt x="18875" y="10426"/>
                      </a:cubicBezTo>
                      <a:cubicBezTo>
                        <a:pt x="19414" y="10426"/>
                        <a:pt x="19953" y="10606"/>
                        <a:pt x="20492" y="10785"/>
                      </a:cubicBezTo>
                      <a:cubicBezTo>
                        <a:pt x="21032" y="10965"/>
                        <a:pt x="21391" y="11325"/>
                        <a:pt x="21571" y="11684"/>
                      </a:cubicBezTo>
                      <a:cubicBezTo>
                        <a:pt x="21751" y="12044"/>
                        <a:pt x="21930" y="12583"/>
                        <a:pt x="21930" y="13302"/>
                      </a:cubicBezTo>
                      <a:cubicBezTo>
                        <a:pt x="21930" y="14021"/>
                        <a:pt x="21751" y="14560"/>
                        <a:pt x="21571" y="14920"/>
                      </a:cubicBezTo>
                      <a:cubicBezTo>
                        <a:pt x="21211" y="15279"/>
                        <a:pt x="20852" y="15639"/>
                        <a:pt x="20492" y="15819"/>
                      </a:cubicBezTo>
                      <a:cubicBezTo>
                        <a:pt x="19953" y="15998"/>
                        <a:pt x="19414" y="16178"/>
                        <a:pt x="18875" y="16178"/>
                      </a:cubicBezTo>
                      <a:close/>
                    </a:path>
                  </a:pathLst>
                </a:custGeom>
                <a:solidFill>
                  <a:srgbClr val="000000"/>
                </a:solidFill>
                <a:ln w="178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grpSp>
          <p:sp>
            <p:nvSpPr>
              <p:cNvPr id="297" name="Graphic 65">
                <a:extLst>
                  <a:ext uri="{FF2B5EF4-FFF2-40B4-BE49-F238E27FC236}">
                    <a16:creationId xmlns:a16="http://schemas.microsoft.com/office/drawing/2014/main" id="{492CC263-166B-0268-36EF-76984162EC19}"/>
                  </a:ext>
                </a:extLst>
              </p:cNvPr>
              <p:cNvSpPr/>
              <p:nvPr/>
            </p:nvSpPr>
            <p:spPr>
              <a:xfrm>
                <a:off x="9537436" y="1771292"/>
                <a:ext cx="1287690" cy="303206"/>
              </a:xfrm>
              <a:custGeom>
                <a:avLst/>
                <a:gdLst>
                  <a:gd name="connsiteX0" fmla="*/ 541107 w 1416459"/>
                  <a:gd name="connsiteY0" fmla="*/ 234333 h 333527"/>
                  <a:gd name="connsiteX1" fmla="*/ 541107 w 1416459"/>
                  <a:gd name="connsiteY1" fmla="*/ 99194 h 333527"/>
                  <a:gd name="connsiteX2" fmla="*/ 609058 w 1416459"/>
                  <a:gd name="connsiteY2" fmla="*/ 99194 h 333527"/>
                  <a:gd name="connsiteX3" fmla="*/ 609058 w 1416459"/>
                  <a:gd name="connsiteY3" fmla="*/ 114064 h 333527"/>
                  <a:gd name="connsiteX4" fmla="*/ 558086 w 1416459"/>
                  <a:gd name="connsiteY4" fmla="*/ 114064 h 333527"/>
                  <a:gd name="connsiteX5" fmla="*/ 558086 w 1416459"/>
                  <a:gd name="connsiteY5" fmla="*/ 158470 h 333527"/>
                  <a:gd name="connsiteX6" fmla="*/ 605781 w 1416459"/>
                  <a:gd name="connsiteY6" fmla="*/ 158470 h 333527"/>
                  <a:gd name="connsiteX7" fmla="*/ 605781 w 1416459"/>
                  <a:gd name="connsiteY7" fmla="*/ 172947 h 333527"/>
                  <a:gd name="connsiteX8" fmla="*/ 558086 w 1416459"/>
                  <a:gd name="connsiteY8" fmla="*/ 172947 h 333527"/>
                  <a:gd name="connsiteX9" fmla="*/ 558086 w 1416459"/>
                  <a:gd name="connsiteY9" fmla="*/ 219475 h 333527"/>
                  <a:gd name="connsiteX10" fmla="*/ 609058 w 1416459"/>
                  <a:gd name="connsiteY10" fmla="*/ 219475 h 333527"/>
                  <a:gd name="connsiteX11" fmla="*/ 609058 w 1416459"/>
                  <a:gd name="connsiteY11" fmla="*/ 234345 h 333527"/>
                  <a:gd name="connsiteX12" fmla="*/ 541107 w 1416459"/>
                  <a:gd name="connsiteY12" fmla="*/ 234345 h 333527"/>
                  <a:gd name="connsiteX13" fmla="*/ 685325 w 1416459"/>
                  <a:gd name="connsiteY13" fmla="*/ 178536 h 333527"/>
                  <a:gd name="connsiteX14" fmla="*/ 703090 w 1416459"/>
                  <a:gd name="connsiteY14" fmla="*/ 114636 h 333527"/>
                  <a:gd name="connsiteX15" fmla="*/ 720855 w 1416459"/>
                  <a:gd name="connsiteY15" fmla="*/ 178536 h 333527"/>
                  <a:gd name="connsiteX16" fmla="*/ 685325 w 1416459"/>
                  <a:gd name="connsiteY16" fmla="*/ 178536 h 333527"/>
                  <a:gd name="connsiteX17" fmla="*/ 669883 w 1416459"/>
                  <a:gd name="connsiteY17" fmla="*/ 234333 h 333527"/>
                  <a:gd name="connsiteX18" fmla="*/ 681464 w 1416459"/>
                  <a:gd name="connsiteY18" fmla="*/ 192822 h 333527"/>
                  <a:gd name="connsiteX19" fmla="*/ 724906 w 1416459"/>
                  <a:gd name="connsiteY19" fmla="*/ 192822 h 333527"/>
                  <a:gd name="connsiteX20" fmla="*/ 736487 w 1416459"/>
                  <a:gd name="connsiteY20" fmla="*/ 234333 h 333527"/>
                  <a:gd name="connsiteX21" fmla="*/ 754252 w 1416459"/>
                  <a:gd name="connsiteY21" fmla="*/ 234333 h 333527"/>
                  <a:gd name="connsiteX22" fmla="*/ 714099 w 1416459"/>
                  <a:gd name="connsiteY22" fmla="*/ 99194 h 333527"/>
                  <a:gd name="connsiteX23" fmla="*/ 692866 w 1416459"/>
                  <a:gd name="connsiteY23" fmla="*/ 99194 h 333527"/>
                  <a:gd name="connsiteX24" fmla="*/ 652713 w 1416459"/>
                  <a:gd name="connsiteY24" fmla="*/ 234333 h 333527"/>
                  <a:gd name="connsiteX25" fmla="*/ 669894 w 1416459"/>
                  <a:gd name="connsiteY25" fmla="*/ 234333 h 333527"/>
                  <a:gd name="connsiteX26" fmla="*/ 802901 w 1416459"/>
                  <a:gd name="connsiteY26" fmla="*/ 150738 h 333527"/>
                  <a:gd name="connsiteX27" fmla="*/ 820857 w 1416459"/>
                  <a:gd name="connsiteY27" fmla="*/ 171399 h 333527"/>
                  <a:gd name="connsiteX28" fmla="*/ 820857 w 1416459"/>
                  <a:gd name="connsiteY28" fmla="*/ 179310 h 333527"/>
                  <a:gd name="connsiteX29" fmla="*/ 784957 w 1416459"/>
                  <a:gd name="connsiteY29" fmla="*/ 179310 h 333527"/>
                  <a:gd name="connsiteX30" fmla="*/ 784957 w 1416459"/>
                  <a:gd name="connsiteY30" fmla="*/ 171399 h 333527"/>
                  <a:gd name="connsiteX31" fmla="*/ 802912 w 1416459"/>
                  <a:gd name="connsiteY31" fmla="*/ 150738 h 333527"/>
                  <a:gd name="connsiteX32" fmla="*/ 768336 w 1416459"/>
                  <a:gd name="connsiteY32" fmla="*/ 172554 h 333527"/>
                  <a:gd name="connsiteX33" fmla="*/ 768336 w 1416459"/>
                  <a:gd name="connsiteY33" fmla="*/ 201519 h 333527"/>
                  <a:gd name="connsiteX34" fmla="*/ 802508 w 1416459"/>
                  <a:gd name="connsiteY34" fmla="*/ 236264 h 333527"/>
                  <a:gd name="connsiteX35" fmla="*/ 836882 w 1416459"/>
                  <a:gd name="connsiteY35" fmla="*/ 205571 h 333527"/>
                  <a:gd name="connsiteX36" fmla="*/ 820857 w 1416459"/>
                  <a:gd name="connsiteY36" fmla="*/ 205571 h 333527"/>
                  <a:gd name="connsiteX37" fmla="*/ 802519 w 1416459"/>
                  <a:gd name="connsiteY37" fmla="*/ 223335 h 333527"/>
                  <a:gd name="connsiteX38" fmla="*/ 784957 w 1416459"/>
                  <a:gd name="connsiteY38" fmla="*/ 202484 h 333527"/>
                  <a:gd name="connsiteX39" fmla="*/ 784957 w 1416459"/>
                  <a:gd name="connsiteY39" fmla="*/ 192822 h 333527"/>
                  <a:gd name="connsiteX40" fmla="*/ 837275 w 1416459"/>
                  <a:gd name="connsiteY40" fmla="*/ 192822 h 333527"/>
                  <a:gd name="connsiteX41" fmla="*/ 837275 w 1416459"/>
                  <a:gd name="connsiteY41" fmla="*/ 172162 h 333527"/>
                  <a:gd name="connsiteX42" fmla="*/ 802912 w 1416459"/>
                  <a:gd name="connsiteY42" fmla="*/ 137799 h 333527"/>
                  <a:gd name="connsiteX43" fmla="*/ 768347 w 1416459"/>
                  <a:gd name="connsiteY43" fmla="*/ 172543 h 333527"/>
                  <a:gd name="connsiteX44" fmla="*/ 902140 w 1416459"/>
                  <a:gd name="connsiteY44" fmla="*/ 155564 h 333527"/>
                  <a:gd name="connsiteX45" fmla="*/ 902140 w 1416459"/>
                  <a:gd name="connsiteY45" fmla="*/ 138955 h 333527"/>
                  <a:gd name="connsiteX46" fmla="*/ 900401 w 1416459"/>
                  <a:gd name="connsiteY46" fmla="*/ 138955 h 333527"/>
                  <a:gd name="connsiteX47" fmla="*/ 875891 w 1416459"/>
                  <a:gd name="connsiteY47" fmla="*/ 154015 h 333527"/>
                  <a:gd name="connsiteX48" fmla="*/ 875891 w 1416459"/>
                  <a:gd name="connsiteY48" fmla="*/ 139729 h 333527"/>
                  <a:gd name="connsiteX49" fmla="*/ 860247 w 1416459"/>
                  <a:gd name="connsiteY49" fmla="*/ 139729 h 333527"/>
                  <a:gd name="connsiteX50" fmla="*/ 860247 w 1416459"/>
                  <a:gd name="connsiteY50" fmla="*/ 234333 h 333527"/>
                  <a:gd name="connsiteX51" fmla="*/ 876856 w 1416459"/>
                  <a:gd name="connsiteY51" fmla="*/ 234333 h 333527"/>
                  <a:gd name="connsiteX52" fmla="*/ 876856 w 1416459"/>
                  <a:gd name="connsiteY52" fmla="*/ 176987 h 333527"/>
                  <a:gd name="connsiteX53" fmla="*/ 898280 w 1416459"/>
                  <a:gd name="connsiteY53" fmla="*/ 155171 h 333527"/>
                  <a:gd name="connsiteX54" fmla="*/ 902140 w 1416459"/>
                  <a:gd name="connsiteY54" fmla="*/ 155564 h 333527"/>
                  <a:gd name="connsiteX55" fmla="*/ 947691 w 1416459"/>
                  <a:gd name="connsiteY55" fmla="*/ 223145 h 333527"/>
                  <a:gd name="connsiteX56" fmla="*/ 929927 w 1416459"/>
                  <a:gd name="connsiteY56" fmla="*/ 202484 h 333527"/>
                  <a:gd name="connsiteX57" fmla="*/ 929927 w 1416459"/>
                  <a:gd name="connsiteY57" fmla="*/ 171589 h 333527"/>
                  <a:gd name="connsiteX58" fmla="*/ 947691 w 1416459"/>
                  <a:gd name="connsiteY58" fmla="*/ 150940 h 333527"/>
                  <a:gd name="connsiteX59" fmla="*/ 965456 w 1416459"/>
                  <a:gd name="connsiteY59" fmla="*/ 171589 h 333527"/>
                  <a:gd name="connsiteX60" fmla="*/ 965456 w 1416459"/>
                  <a:gd name="connsiteY60" fmla="*/ 202484 h 333527"/>
                  <a:gd name="connsiteX61" fmla="*/ 947691 w 1416459"/>
                  <a:gd name="connsiteY61" fmla="*/ 223145 h 333527"/>
                  <a:gd name="connsiteX62" fmla="*/ 947691 w 1416459"/>
                  <a:gd name="connsiteY62" fmla="*/ 236264 h 333527"/>
                  <a:gd name="connsiteX63" fmla="*/ 982065 w 1416459"/>
                  <a:gd name="connsiteY63" fmla="*/ 201519 h 333527"/>
                  <a:gd name="connsiteX64" fmla="*/ 982065 w 1416459"/>
                  <a:gd name="connsiteY64" fmla="*/ 172554 h 333527"/>
                  <a:gd name="connsiteX65" fmla="*/ 947691 w 1416459"/>
                  <a:gd name="connsiteY65" fmla="*/ 137810 h 333527"/>
                  <a:gd name="connsiteX66" fmla="*/ 913329 w 1416459"/>
                  <a:gd name="connsiteY66" fmla="*/ 172554 h 333527"/>
                  <a:gd name="connsiteX67" fmla="*/ 913329 w 1416459"/>
                  <a:gd name="connsiteY67" fmla="*/ 201519 h 333527"/>
                  <a:gd name="connsiteX68" fmla="*/ 947691 w 1416459"/>
                  <a:gd name="connsiteY68" fmla="*/ 236264 h 333527"/>
                  <a:gd name="connsiteX69" fmla="*/ 1018168 w 1416459"/>
                  <a:gd name="connsiteY69" fmla="*/ 161938 h 333527"/>
                  <a:gd name="connsiteX70" fmla="*/ 1032454 w 1416459"/>
                  <a:gd name="connsiteY70" fmla="*/ 150547 h 333527"/>
                  <a:gd name="connsiteX71" fmla="*/ 1047694 w 1416459"/>
                  <a:gd name="connsiteY71" fmla="*/ 167145 h 333527"/>
                  <a:gd name="connsiteX72" fmla="*/ 1063540 w 1416459"/>
                  <a:gd name="connsiteY72" fmla="*/ 167145 h 333527"/>
                  <a:gd name="connsiteX73" fmla="*/ 1032454 w 1416459"/>
                  <a:gd name="connsiteY73" fmla="*/ 137799 h 333527"/>
                  <a:gd name="connsiteX74" fmla="*/ 1002131 w 1416459"/>
                  <a:gd name="connsiteY74" fmla="*/ 164250 h 333527"/>
                  <a:gd name="connsiteX75" fmla="*/ 1024912 w 1416459"/>
                  <a:gd name="connsiteY75" fmla="*/ 191666 h 333527"/>
                  <a:gd name="connsiteX76" fmla="*/ 1034754 w 1416459"/>
                  <a:gd name="connsiteY76" fmla="*/ 196492 h 333527"/>
                  <a:gd name="connsiteX77" fmla="*/ 1048277 w 1416459"/>
                  <a:gd name="connsiteY77" fmla="*/ 211361 h 333527"/>
                  <a:gd name="connsiteX78" fmla="*/ 1032442 w 1416459"/>
                  <a:gd name="connsiteY78" fmla="*/ 223515 h 333527"/>
                  <a:gd name="connsiteX79" fmla="*/ 1015833 w 1416459"/>
                  <a:gd name="connsiteY79" fmla="*/ 206143 h 333527"/>
                  <a:gd name="connsiteX80" fmla="*/ 999999 w 1416459"/>
                  <a:gd name="connsiteY80" fmla="*/ 206143 h 333527"/>
                  <a:gd name="connsiteX81" fmla="*/ 1032442 w 1416459"/>
                  <a:gd name="connsiteY81" fmla="*/ 236264 h 333527"/>
                  <a:gd name="connsiteX82" fmla="*/ 1064291 w 1416459"/>
                  <a:gd name="connsiteY82" fmla="*/ 209038 h 333527"/>
                  <a:gd name="connsiteX83" fmla="*/ 1041510 w 1416459"/>
                  <a:gd name="connsiteY83" fmla="*/ 181622 h 333527"/>
                  <a:gd name="connsiteX84" fmla="*/ 1031668 w 1416459"/>
                  <a:gd name="connsiteY84" fmla="*/ 176796 h 333527"/>
                  <a:gd name="connsiteX85" fmla="*/ 1018156 w 1416459"/>
                  <a:gd name="connsiteY85" fmla="*/ 161927 h 333527"/>
                  <a:gd name="connsiteX86" fmla="*/ 1137674 w 1416459"/>
                  <a:gd name="connsiteY86" fmla="*/ 202484 h 333527"/>
                  <a:gd name="connsiteX87" fmla="*/ 1120874 w 1416459"/>
                  <a:gd name="connsiteY87" fmla="*/ 222180 h 333527"/>
                  <a:gd name="connsiteX88" fmla="*/ 1102144 w 1416459"/>
                  <a:gd name="connsiteY88" fmla="*/ 199589 h 333527"/>
                  <a:gd name="connsiteX89" fmla="*/ 1102144 w 1416459"/>
                  <a:gd name="connsiteY89" fmla="*/ 173520 h 333527"/>
                  <a:gd name="connsiteX90" fmla="*/ 1120874 w 1416459"/>
                  <a:gd name="connsiteY90" fmla="*/ 150929 h 333527"/>
                  <a:gd name="connsiteX91" fmla="*/ 1137674 w 1416459"/>
                  <a:gd name="connsiteY91" fmla="*/ 170624 h 333527"/>
                  <a:gd name="connsiteX92" fmla="*/ 1137674 w 1416459"/>
                  <a:gd name="connsiteY92" fmla="*/ 202484 h 333527"/>
                  <a:gd name="connsiteX93" fmla="*/ 1154272 w 1416459"/>
                  <a:gd name="connsiteY93" fmla="*/ 202092 h 333527"/>
                  <a:gd name="connsiteX94" fmla="*/ 1154272 w 1416459"/>
                  <a:gd name="connsiteY94" fmla="*/ 171006 h 333527"/>
                  <a:gd name="connsiteX95" fmla="*/ 1124544 w 1416459"/>
                  <a:gd name="connsiteY95" fmla="*/ 137799 h 333527"/>
                  <a:gd name="connsiteX96" fmla="*/ 1101190 w 1416459"/>
                  <a:gd name="connsiteY96" fmla="*/ 151311 h 333527"/>
                  <a:gd name="connsiteX97" fmla="*/ 1101190 w 1416459"/>
                  <a:gd name="connsiteY97" fmla="*/ 139729 h 333527"/>
                  <a:gd name="connsiteX98" fmla="*/ 1085546 w 1416459"/>
                  <a:gd name="connsiteY98" fmla="*/ 139729 h 333527"/>
                  <a:gd name="connsiteX99" fmla="*/ 1085546 w 1416459"/>
                  <a:gd name="connsiteY99" fmla="*/ 269078 h 333527"/>
                  <a:gd name="connsiteX100" fmla="*/ 1102155 w 1416459"/>
                  <a:gd name="connsiteY100" fmla="*/ 269078 h 333527"/>
                  <a:gd name="connsiteX101" fmla="*/ 1102155 w 1416459"/>
                  <a:gd name="connsiteY101" fmla="*/ 223515 h 333527"/>
                  <a:gd name="connsiteX102" fmla="*/ 1124544 w 1416459"/>
                  <a:gd name="connsiteY102" fmla="*/ 235298 h 333527"/>
                  <a:gd name="connsiteX103" fmla="*/ 1154272 w 1416459"/>
                  <a:gd name="connsiteY103" fmla="*/ 202092 h 333527"/>
                  <a:gd name="connsiteX104" fmla="*/ 1204469 w 1416459"/>
                  <a:gd name="connsiteY104" fmla="*/ 222370 h 333527"/>
                  <a:gd name="connsiteX105" fmla="*/ 1189409 w 1416459"/>
                  <a:gd name="connsiteY105" fmla="*/ 206726 h 333527"/>
                  <a:gd name="connsiteX106" fmla="*/ 1189409 w 1416459"/>
                  <a:gd name="connsiteY106" fmla="*/ 203831 h 333527"/>
                  <a:gd name="connsiteX107" fmla="*/ 1214502 w 1416459"/>
                  <a:gd name="connsiteY107" fmla="*/ 188580 h 333527"/>
                  <a:gd name="connsiteX108" fmla="*/ 1223199 w 1416459"/>
                  <a:gd name="connsiteY108" fmla="*/ 188580 h 333527"/>
                  <a:gd name="connsiteX109" fmla="*/ 1223199 w 1416459"/>
                  <a:gd name="connsiteY109" fmla="*/ 202484 h 333527"/>
                  <a:gd name="connsiteX110" fmla="*/ 1204469 w 1416459"/>
                  <a:gd name="connsiteY110" fmla="*/ 222382 h 333527"/>
                  <a:gd name="connsiteX111" fmla="*/ 1200800 w 1416459"/>
                  <a:gd name="connsiteY111" fmla="*/ 235310 h 333527"/>
                  <a:gd name="connsiteX112" fmla="*/ 1224344 w 1416459"/>
                  <a:gd name="connsiteY112" fmla="*/ 222370 h 333527"/>
                  <a:gd name="connsiteX113" fmla="*/ 1224344 w 1416459"/>
                  <a:gd name="connsiteY113" fmla="*/ 234333 h 333527"/>
                  <a:gd name="connsiteX114" fmla="*/ 1239786 w 1416459"/>
                  <a:gd name="connsiteY114" fmla="*/ 234333 h 333527"/>
                  <a:gd name="connsiteX115" fmla="*/ 1239786 w 1416459"/>
                  <a:gd name="connsiteY115" fmla="*/ 168110 h 333527"/>
                  <a:gd name="connsiteX116" fmla="*/ 1206972 w 1416459"/>
                  <a:gd name="connsiteY116" fmla="*/ 137799 h 333527"/>
                  <a:gd name="connsiteX117" fmla="*/ 1175123 w 1416459"/>
                  <a:gd name="connsiteY117" fmla="*/ 166180 h 333527"/>
                  <a:gd name="connsiteX118" fmla="*/ 1191149 w 1416459"/>
                  <a:gd name="connsiteY118" fmla="*/ 166180 h 333527"/>
                  <a:gd name="connsiteX119" fmla="*/ 1206983 w 1416459"/>
                  <a:gd name="connsiteY119" fmla="*/ 150536 h 333527"/>
                  <a:gd name="connsiteX120" fmla="*/ 1223199 w 1416459"/>
                  <a:gd name="connsiteY120" fmla="*/ 168110 h 333527"/>
                  <a:gd name="connsiteX121" fmla="*/ 1223199 w 1416459"/>
                  <a:gd name="connsiteY121" fmla="*/ 175450 h 333527"/>
                  <a:gd name="connsiteX122" fmla="*/ 1213537 w 1416459"/>
                  <a:gd name="connsiteY122" fmla="*/ 175450 h 333527"/>
                  <a:gd name="connsiteX123" fmla="*/ 1172800 w 1416459"/>
                  <a:gd name="connsiteY123" fmla="*/ 204796 h 333527"/>
                  <a:gd name="connsiteX124" fmla="*/ 1172800 w 1416459"/>
                  <a:gd name="connsiteY124" fmla="*/ 207692 h 333527"/>
                  <a:gd name="connsiteX125" fmla="*/ 1200800 w 1416459"/>
                  <a:gd name="connsiteY125" fmla="*/ 235298 h 333527"/>
                  <a:gd name="connsiteX126" fmla="*/ 1296751 w 1416459"/>
                  <a:gd name="connsiteY126" fmla="*/ 236275 h 333527"/>
                  <a:gd name="connsiteX127" fmla="*/ 1329565 w 1416459"/>
                  <a:gd name="connsiteY127" fmla="*/ 201912 h 333527"/>
                  <a:gd name="connsiteX128" fmla="*/ 1313539 w 1416459"/>
                  <a:gd name="connsiteY128" fmla="*/ 201912 h 333527"/>
                  <a:gd name="connsiteX129" fmla="*/ 1296739 w 1416459"/>
                  <a:gd name="connsiteY129" fmla="*/ 223145 h 333527"/>
                  <a:gd name="connsiteX130" fmla="*/ 1279165 w 1416459"/>
                  <a:gd name="connsiteY130" fmla="*/ 202484 h 333527"/>
                  <a:gd name="connsiteX131" fmla="*/ 1279165 w 1416459"/>
                  <a:gd name="connsiteY131" fmla="*/ 171589 h 333527"/>
                  <a:gd name="connsiteX132" fmla="*/ 1296739 w 1416459"/>
                  <a:gd name="connsiteY132" fmla="*/ 150940 h 333527"/>
                  <a:gd name="connsiteX133" fmla="*/ 1313539 w 1416459"/>
                  <a:gd name="connsiteY133" fmla="*/ 171017 h 333527"/>
                  <a:gd name="connsiteX134" fmla="*/ 1329565 w 1416459"/>
                  <a:gd name="connsiteY134" fmla="*/ 171017 h 333527"/>
                  <a:gd name="connsiteX135" fmla="*/ 1296751 w 1416459"/>
                  <a:gd name="connsiteY135" fmla="*/ 137810 h 333527"/>
                  <a:gd name="connsiteX136" fmla="*/ 1262579 w 1416459"/>
                  <a:gd name="connsiteY136" fmla="*/ 172554 h 333527"/>
                  <a:gd name="connsiteX137" fmla="*/ 1262579 w 1416459"/>
                  <a:gd name="connsiteY137" fmla="*/ 201519 h 333527"/>
                  <a:gd name="connsiteX138" fmla="*/ 1296751 w 1416459"/>
                  <a:gd name="connsiteY138" fmla="*/ 236264 h 333527"/>
                  <a:gd name="connsiteX139" fmla="*/ 1382085 w 1416459"/>
                  <a:gd name="connsiteY139" fmla="*/ 150749 h 333527"/>
                  <a:gd name="connsiteX140" fmla="*/ 1400041 w 1416459"/>
                  <a:gd name="connsiteY140" fmla="*/ 171410 h 333527"/>
                  <a:gd name="connsiteX141" fmla="*/ 1400041 w 1416459"/>
                  <a:gd name="connsiteY141" fmla="*/ 179322 h 333527"/>
                  <a:gd name="connsiteX142" fmla="*/ 1364141 w 1416459"/>
                  <a:gd name="connsiteY142" fmla="*/ 179322 h 333527"/>
                  <a:gd name="connsiteX143" fmla="*/ 1364141 w 1416459"/>
                  <a:gd name="connsiteY143" fmla="*/ 171410 h 333527"/>
                  <a:gd name="connsiteX144" fmla="*/ 1382096 w 1416459"/>
                  <a:gd name="connsiteY144" fmla="*/ 150749 h 333527"/>
                  <a:gd name="connsiteX145" fmla="*/ 1347520 w 1416459"/>
                  <a:gd name="connsiteY145" fmla="*/ 172566 h 333527"/>
                  <a:gd name="connsiteX146" fmla="*/ 1347520 w 1416459"/>
                  <a:gd name="connsiteY146" fmla="*/ 201530 h 333527"/>
                  <a:gd name="connsiteX147" fmla="*/ 1381692 w 1416459"/>
                  <a:gd name="connsiteY147" fmla="*/ 236275 h 333527"/>
                  <a:gd name="connsiteX148" fmla="*/ 1416066 w 1416459"/>
                  <a:gd name="connsiteY148" fmla="*/ 205582 h 333527"/>
                  <a:gd name="connsiteX149" fmla="*/ 1400041 w 1416459"/>
                  <a:gd name="connsiteY149" fmla="*/ 205582 h 333527"/>
                  <a:gd name="connsiteX150" fmla="*/ 1381703 w 1416459"/>
                  <a:gd name="connsiteY150" fmla="*/ 223347 h 333527"/>
                  <a:gd name="connsiteX151" fmla="*/ 1364141 w 1416459"/>
                  <a:gd name="connsiteY151" fmla="*/ 202496 h 333527"/>
                  <a:gd name="connsiteX152" fmla="*/ 1364141 w 1416459"/>
                  <a:gd name="connsiteY152" fmla="*/ 192833 h 333527"/>
                  <a:gd name="connsiteX153" fmla="*/ 1416459 w 1416459"/>
                  <a:gd name="connsiteY153" fmla="*/ 192833 h 333527"/>
                  <a:gd name="connsiteX154" fmla="*/ 1416459 w 1416459"/>
                  <a:gd name="connsiteY154" fmla="*/ 172173 h 333527"/>
                  <a:gd name="connsiteX155" fmla="*/ 1382096 w 1416459"/>
                  <a:gd name="connsiteY155" fmla="*/ 137810 h 333527"/>
                  <a:gd name="connsiteX156" fmla="*/ 1347532 w 1416459"/>
                  <a:gd name="connsiteY156" fmla="*/ 172554 h 333527"/>
                  <a:gd name="connsiteX157" fmla="*/ 475265 w 1416459"/>
                  <a:gd name="connsiteY157" fmla="*/ 236275 h 333527"/>
                  <a:gd name="connsiteX158" fmla="*/ 512725 w 1416459"/>
                  <a:gd name="connsiteY158" fmla="*/ 227398 h 333527"/>
                  <a:gd name="connsiteX159" fmla="*/ 512725 w 1416459"/>
                  <a:gd name="connsiteY159" fmla="*/ 158482 h 333527"/>
                  <a:gd name="connsiteX160" fmla="*/ 471214 w 1416459"/>
                  <a:gd name="connsiteY160" fmla="*/ 158482 h 333527"/>
                  <a:gd name="connsiteX161" fmla="*/ 471214 w 1416459"/>
                  <a:gd name="connsiteY161" fmla="*/ 172958 h 333527"/>
                  <a:gd name="connsiteX162" fmla="*/ 495926 w 1416459"/>
                  <a:gd name="connsiteY162" fmla="*/ 172958 h 333527"/>
                  <a:gd name="connsiteX163" fmla="*/ 495926 w 1416459"/>
                  <a:gd name="connsiteY163" fmla="*/ 217747 h 333527"/>
                  <a:gd name="connsiteX164" fmla="*/ 475467 w 1416459"/>
                  <a:gd name="connsiteY164" fmla="*/ 221798 h 333527"/>
                  <a:gd name="connsiteX165" fmla="*/ 446693 w 1416459"/>
                  <a:gd name="connsiteY165" fmla="*/ 185707 h 333527"/>
                  <a:gd name="connsiteX166" fmla="*/ 446693 w 1416459"/>
                  <a:gd name="connsiteY166" fmla="*/ 139168 h 333527"/>
                  <a:gd name="connsiteX167" fmla="*/ 472572 w 1416459"/>
                  <a:gd name="connsiteY167" fmla="*/ 111752 h 333527"/>
                  <a:gd name="connsiteX168" fmla="*/ 496509 w 1416459"/>
                  <a:gd name="connsiteY168" fmla="*/ 135498 h 333527"/>
                  <a:gd name="connsiteX169" fmla="*/ 514083 w 1416459"/>
                  <a:gd name="connsiteY169" fmla="*/ 135498 h 333527"/>
                  <a:gd name="connsiteX170" fmla="*/ 472572 w 1416459"/>
                  <a:gd name="connsiteY170" fmla="*/ 97275 h 333527"/>
                  <a:gd name="connsiteX171" fmla="*/ 429703 w 1416459"/>
                  <a:gd name="connsiteY171" fmla="*/ 139752 h 333527"/>
                  <a:gd name="connsiteX172" fmla="*/ 429703 w 1416459"/>
                  <a:gd name="connsiteY172" fmla="*/ 184921 h 333527"/>
                  <a:gd name="connsiteX173" fmla="*/ 475265 w 1416459"/>
                  <a:gd name="connsiteY173" fmla="*/ 236275 h 333527"/>
                  <a:gd name="connsiteX174" fmla="*/ 204190 w 1416459"/>
                  <a:gd name="connsiteY174" fmla="*/ 123345 h 333527"/>
                  <a:gd name="connsiteX175" fmla="*/ 224020 w 1416459"/>
                  <a:gd name="connsiteY175" fmla="*/ 89487 h 333527"/>
                  <a:gd name="connsiteX176" fmla="*/ 204190 w 1416459"/>
                  <a:gd name="connsiteY176" fmla="*/ 123345 h 333527"/>
                  <a:gd name="connsiteX177" fmla="*/ 116869 w 1416459"/>
                  <a:gd name="connsiteY177" fmla="*/ 130269 h 333527"/>
                  <a:gd name="connsiteX178" fmla="*/ 141121 w 1416459"/>
                  <a:gd name="connsiteY178" fmla="*/ 89094 h 333527"/>
                  <a:gd name="connsiteX179" fmla="*/ 116869 w 1416459"/>
                  <a:gd name="connsiteY179" fmla="*/ 130269 h 333527"/>
                  <a:gd name="connsiteX180" fmla="*/ 101629 w 1416459"/>
                  <a:gd name="connsiteY180" fmla="*/ 239294 h 333527"/>
                  <a:gd name="connsiteX181" fmla="*/ 90093 w 1416459"/>
                  <a:gd name="connsiteY181" fmla="*/ 227791 h 333527"/>
                  <a:gd name="connsiteX182" fmla="*/ 138416 w 1416459"/>
                  <a:gd name="connsiteY182" fmla="*/ 178794 h 333527"/>
                  <a:gd name="connsiteX183" fmla="*/ 101629 w 1416459"/>
                  <a:gd name="connsiteY183" fmla="*/ 239294 h 333527"/>
                  <a:gd name="connsiteX184" fmla="*/ 228666 w 1416459"/>
                  <a:gd name="connsiteY184" fmla="*/ 174619 h 333527"/>
                  <a:gd name="connsiteX185" fmla="*/ 200947 w 1416459"/>
                  <a:gd name="connsiteY185" fmla="*/ 200027 h 333527"/>
                  <a:gd name="connsiteX186" fmla="*/ 217118 w 1416459"/>
                  <a:gd name="connsiteY186" fmla="*/ 220810 h 333527"/>
                  <a:gd name="connsiteX187" fmla="*/ 223571 w 1416459"/>
                  <a:gd name="connsiteY187" fmla="*/ 214807 h 333527"/>
                  <a:gd name="connsiteX188" fmla="*/ 216232 w 1416459"/>
                  <a:gd name="connsiteY188" fmla="*/ 198355 h 333527"/>
                  <a:gd name="connsiteX189" fmla="*/ 227735 w 1416459"/>
                  <a:gd name="connsiteY189" fmla="*/ 188468 h 333527"/>
                  <a:gd name="connsiteX190" fmla="*/ 244007 w 1416459"/>
                  <a:gd name="connsiteY190" fmla="*/ 210295 h 333527"/>
                  <a:gd name="connsiteX191" fmla="*/ 216187 w 1416459"/>
                  <a:gd name="connsiteY191" fmla="*/ 239282 h 333527"/>
                  <a:gd name="connsiteX192" fmla="*/ 184327 w 1416459"/>
                  <a:gd name="connsiteY192" fmla="*/ 200924 h 333527"/>
                  <a:gd name="connsiteX193" fmla="*/ 213875 w 1416459"/>
                  <a:gd name="connsiteY193" fmla="*/ 157045 h 333527"/>
                  <a:gd name="connsiteX194" fmla="*/ 239619 w 1416459"/>
                  <a:gd name="connsiteY194" fmla="*/ 150099 h 333527"/>
                  <a:gd name="connsiteX195" fmla="*/ 226096 w 1416459"/>
                  <a:gd name="connsiteY195" fmla="*/ 142782 h 333527"/>
                  <a:gd name="connsiteX196" fmla="*/ 213796 w 1416459"/>
                  <a:gd name="connsiteY196" fmla="*/ 144746 h 333527"/>
                  <a:gd name="connsiteX197" fmla="*/ 206962 w 1416459"/>
                  <a:gd name="connsiteY197" fmla="*/ 136261 h 333527"/>
                  <a:gd name="connsiteX198" fmla="*/ 239294 w 1416459"/>
                  <a:gd name="connsiteY198" fmla="*/ 92371 h 333527"/>
                  <a:gd name="connsiteX199" fmla="*/ 223122 w 1416459"/>
                  <a:gd name="connsiteY199" fmla="*/ 76660 h 333527"/>
                  <a:gd name="connsiteX200" fmla="*/ 189859 w 1416459"/>
                  <a:gd name="connsiteY200" fmla="*/ 122391 h 333527"/>
                  <a:gd name="connsiteX201" fmla="*/ 190791 w 1416459"/>
                  <a:gd name="connsiteY201" fmla="*/ 133018 h 333527"/>
                  <a:gd name="connsiteX202" fmla="*/ 153678 w 1416459"/>
                  <a:gd name="connsiteY202" fmla="*/ 156944 h 333527"/>
                  <a:gd name="connsiteX203" fmla="*/ 155463 w 1416459"/>
                  <a:gd name="connsiteY203" fmla="*/ 142939 h 333527"/>
                  <a:gd name="connsiteX204" fmla="*/ 168615 w 1416459"/>
                  <a:gd name="connsiteY204" fmla="*/ 121010 h 333527"/>
                  <a:gd name="connsiteX205" fmla="*/ 163072 w 1416459"/>
                  <a:gd name="connsiteY205" fmla="*/ 115006 h 333527"/>
                  <a:gd name="connsiteX206" fmla="*/ 145060 w 1416459"/>
                  <a:gd name="connsiteY206" fmla="*/ 138562 h 333527"/>
                  <a:gd name="connsiteX207" fmla="*/ 125656 w 1416459"/>
                  <a:gd name="connsiteY207" fmla="*/ 150121 h 333527"/>
                  <a:gd name="connsiteX208" fmla="*/ 117801 w 1416459"/>
                  <a:gd name="connsiteY208" fmla="*/ 143186 h 333527"/>
                  <a:gd name="connsiteX209" fmla="*/ 157068 w 1416459"/>
                  <a:gd name="connsiteY209" fmla="*/ 91439 h 333527"/>
                  <a:gd name="connsiteX210" fmla="*/ 141368 w 1416459"/>
                  <a:gd name="connsiteY210" fmla="*/ 76648 h 333527"/>
                  <a:gd name="connsiteX211" fmla="*/ 103021 w 1416459"/>
                  <a:gd name="connsiteY211" fmla="*/ 131627 h 333527"/>
                  <a:gd name="connsiteX212" fmla="*/ 92865 w 1416459"/>
                  <a:gd name="connsiteY212" fmla="*/ 117767 h 333527"/>
                  <a:gd name="connsiteX213" fmla="*/ 95177 w 1416459"/>
                  <a:gd name="connsiteY213" fmla="*/ 103907 h 333527"/>
                  <a:gd name="connsiteX214" fmla="*/ 91473 w 1416459"/>
                  <a:gd name="connsiteY214" fmla="*/ 99744 h 333527"/>
                  <a:gd name="connsiteX215" fmla="*/ 80385 w 1416459"/>
                  <a:gd name="connsiteY215" fmla="*/ 119608 h 333527"/>
                  <a:gd name="connsiteX216" fmla="*/ 103492 w 1416459"/>
                  <a:gd name="connsiteY216" fmla="*/ 144555 h 333527"/>
                  <a:gd name="connsiteX217" fmla="*/ 122896 w 1416459"/>
                  <a:gd name="connsiteY217" fmla="*/ 161646 h 333527"/>
                  <a:gd name="connsiteX218" fmla="*/ 141379 w 1416459"/>
                  <a:gd name="connsiteY218" fmla="*/ 155182 h 333527"/>
                  <a:gd name="connsiteX219" fmla="*/ 139987 w 1416459"/>
                  <a:gd name="connsiteY219" fmla="*/ 163958 h 333527"/>
                  <a:gd name="connsiteX220" fmla="*/ 91484 w 1416459"/>
                  <a:gd name="connsiteY220" fmla="*/ 193978 h 333527"/>
                  <a:gd name="connsiteX221" fmla="*/ 74853 w 1416459"/>
                  <a:gd name="connsiteY221" fmla="*/ 226792 h 333527"/>
                  <a:gd name="connsiteX222" fmla="*/ 101641 w 1416459"/>
                  <a:gd name="connsiteY222" fmla="*/ 253568 h 333527"/>
                  <a:gd name="connsiteX223" fmla="*/ 146911 w 1416459"/>
                  <a:gd name="connsiteY223" fmla="*/ 212921 h 333527"/>
                  <a:gd name="connsiteX224" fmla="*/ 153016 w 1416459"/>
                  <a:gd name="connsiteY224" fmla="*/ 170916 h 333527"/>
                  <a:gd name="connsiteX225" fmla="*/ 195414 w 1416459"/>
                  <a:gd name="connsiteY225" fmla="*/ 144095 h 333527"/>
                  <a:gd name="connsiteX226" fmla="*/ 200038 w 1416459"/>
                  <a:gd name="connsiteY226" fmla="*/ 149638 h 333527"/>
                  <a:gd name="connsiteX227" fmla="*/ 167246 w 1416459"/>
                  <a:gd name="connsiteY227" fmla="*/ 202754 h 333527"/>
                  <a:gd name="connsiteX228" fmla="*/ 215289 w 1416459"/>
                  <a:gd name="connsiteY228" fmla="*/ 253568 h 333527"/>
                  <a:gd name="connsiteX229" fmla="*/ 259640 w 1416459"/>
                  <a:gd name="connsiteY229" fmla="*/ 211081 h 333527"/>
                  <a:gd name="connsiteX230" fmla="*/ 228677 w 1416459"/>
                  <a:gd name="connsiteY230" fmla="*/ 174586 h 333527"/>
                  <a:gd name="connsiteX231" fmla="*/ 308086 w 1416459"/>
                  <a:gd name="connsiteY231" fmla="*/ 214290 h 333527"/>
                  <a:gd name="connsiteX232" fmla="*/ 307234 w 1416459"/>
                  <a:gd name="connsiteY232" fmla="*/ 214470 h 333527"/>
                  <a:gd name="connsiteX233" fmla="*/ 306729 w 1416459"/>
                  <a:gd name="connsiteY233" fmla="*/ 213875 h 333527"/>
                  <a:gd name="connsiteX234" fmla="*/ 312284 w 1416459"/>
                  <a:gd name="connsiteY234" fmla="*/ 178312 h 333527"/>
                  <a:gd name="connsiteX235" fmla="*/ 293351 w 1416459"/>
                  <a:gd name="connsiteY235" fmla="*/ 145509 h 333527"/>
                  <a:gd name="connsiteX236" fmla="*/ 282264 w 1416459"/>
                  <a:gd name="connsiteY236" fmla="*/ 157056 h 333527"/>
                  <a:gd name="connsiteX237" fmla="*/ 297504 w 1416459"/>
                  <a:gd name="connsiteY237" fmla="*/ 197715 h 333527"/>
                  <a:gd name="connsiteX238" fmla="*/ 291500 w 1416459"/>
                  <a:gd name="connsiteY238" fmla="*/ 230978 h 333527"/>
                  <a:gd name="connsiteX239" fmla="*/ 166775 w 1416459"/>
                  <a:gd name="connsiteY239" fmla="*/ 315504 h 333527"/>
                  <a:gd name="connsiteX240" fmla="*/ 119697 w 1416459"/>
                  <a:gd name="connsiteY240" fmla="*/ 308154 h 333527"/>
                  <a:gd name="connsiteX241" fmla="*/ 119473 w 1416459"/>
                  <a:gd name="connsiteY241" fmla="*/ 307234 h 333527"/>
                  <a:gd name="connsiteX242" fmla="*/ 120146 w 1416459"/>
                  <a:gd name="connsiteY242" fmla="*/ 306762 h 333527"/>
                  <a:gd name="connsiteX243" fmla="*/ 155665 w 1416459"/>
                  <a:gd name="connsiteY243" fmla="*/ 312284 h 333527"/>
                  <a:gd name="connsiteX244" fmla="*/ 188008 w 1416459"/>
                  <a:gd name="connsiteY244" fmla="*/ 293789 h 333527"/>
                  <a:gd name="connsiteX245" fmla="*/ 176449 w 1416459"/>
                  <a:gd name="connsiteY245" fmla="*/ 282253 h 333527"/>
                  <a:gd name="connsiteX246" fmla="*/ 136261 w 1416459"/>
                  <a:gd name="connsiteY246" fmla="*/ 297953 h 333527"/>
                  <a:gd name="connsiteX247" fmla="*/ 102538 w 1416459"/>
                  <a:gd name="connsiteY247" fmla="*/ 291949 h 333527"/>
                  <a:gd name="connsiteX248" fmla="*/ 18001 w 1416459"/>
                  <a:gd name="connsiteY248" fmla="*/ 166753 h 333527"/>
                  <a:gd name="connsiteX249" fmla="*/ 25452 w 1416459"/>
                  <a:gd name="connsiteY249" fmla="*/ 119675 h 333527"/>
                  <a:gd name="connsiteX250" fmla="*/ 26271 w 1416459"/>
                  <a:gd name="connsiteY250" fmla="*/ 119540 h 333527"/>
                  <a:gd name="connsiteX251" fmla="*/ 26754 w 1416459"/>
                  <a:gd name="connsiteY251" fmla="*/ 120135 h 333527"/>
                  <a:gd name="connsiteX252" fmla="*/ 21233 w 1416459"/>
                  <a:gd name="connsiteY252" fmla="*/ 155665 h 333527"/>
                  <a:gd name="connsiteX253" fmla="*/ 40165 w 1416459"/>
                  <a:gd name="connsiteY253" fmla="*/ 188008 h 333527"/>
                  <a:gd name="connsiteX254" fmla="*/ 51252 w 1416459"/>
                  <a:gd name="connsiteY254" fmla="*/ 176931 h 333527"/>
                  <a:gd name="connsiteX255" fmla="*/ 36012 w 1416459"/>
                  <a:gd name="connsiteY255" fmla="*/ 136273 h 333527"/>
                  <a:gd name="connsiteX256" fmla="*/ 42016 w 1416459"/>
                  <a:gd name="connsiteY256" fmla="*/ 102550 h 333527"/>
                  <a:gd name="connsiteX257" fmla="*/ 166775 w 1416459"/>
                  <a:gd name="connsiteY257" fmla="*/ 18012 h 333527"/>
                  <a:gd name="connsiteX258" fmla="*/ 213886 w 1416459"/>
                  <a:gd name="connsiteY258" fmla="*/ 25856 h 333527"/>
                  <a:gd name="connsiteX259" fmla="*/ 214032 w 1416459"/>
                  <a:gd name="connsiteY259" fmla="*/ 26687 h 333527"/>
                  <a:gd name="connsiteX260" fmla="*/ 213426 w 1416459"/>
                  <a:gd name="connsiteY260" fmla="*/ 27147 h 333527"/>
                  <a:gd name="connsiteX261" fmla="*/ 177851 w 1416459"/>
                  <a:gd name="connsiteY261" fmla="*/ 21244 h 333527"/>
                  <a:gd name="connsiteX262" fmla="*/ 145531 w 1416459"/>
                  <a:gd name="connsiteY262" fmla="*/ 40187 h 333527"/>
                  <a:gd name="connsiteX263" fmla="*/ 157068 w 1416459"/>
                  <a:gd name="connsiteY263" fmla="*/ 51264 h 333527"/>
                  <a:gd name="connsiteX264" fmla="*/ 197255 w 1416459"/>
                  <a:gd name="connsiteY264" fmla="*/ 36024 h 333527"/>
                  <a:gd name="connsiteX265" fmla="*/ 230978 w 1416459"/>
                  <a:gd name="connsiteY265" fmla="*/ 42028 h 333527"/>
                  <a:gd name="connsiteX266" fmla="*/ 315516 w 1416459"/>
                  <a:gd name="connsiteY266" fmla="*/ 166753 h 333527"/>
                  <a:gd name="connsiteX267" fmla="*/ 308098 w 1416459"/>
                  <a:gd name="connsiteY267" fmla="*/ 214290 h 333527"/>
                  <a:gd name="connsiteX268" fmla="*/ 166775 w 1416459"/>
                  <a:gd name="connsiteY268" fmla="*/ 7844 h 333527"/>
                  <a:gd name="connsiteX269" fmla="*/ 7844 w 1416459"/>
                  <a:gd name="connsiteY269" fmla="*/ 166764 h 333527"/>
                  <a:gd name="connsiteX270" fmla="*/ 166775 w 1416459"/>
                  <a:gd name="connsiteY270" fmla="*/ 325672 h 333527"/>
                  <a:gd name="connsiteX271" fmla="*/ 325672 w 1416459"/>
                  <a:gd name="connsiteY271" fmla="*/ 166764 h 333527"/>
                  <a:gd name="connsiteX272" fmla="*/ 166775 w 1416459"/>
                  <a:gd name="connsiteY272" fmla="*/ 7844 h 333527"/>
                  <a:gd name="connsiteX273" fmla="*/ 166775 w 1416459"/>
                  <a:gd name="connsiteY273" fmla="*/ 333527 h 333527"/>
                  <a:gd name="connsiteX274" fmla="*/ 0 w 1416459"/>
                  <a:gd name="connsiteY274" fmla="*/ 166764 h 333527"/>
                  <a:gd name="connsiteX275" fmla="*/ 166775 w 1416459"/>
                  <a:gd name="connsiteY275" fmla="*/ 0 h 333527"/>
                  <a:gd name="connsiteX276" fmla="*/ 333539 w 1416459"/>
                  <a:gd name="connsiteY276" fmla="*/ 166764 h 333527"/>
                  <a:gd name="connsiteX277" fmla="*/ 166775 w 1416459"/>
                  <a:gd name="connsiteY277" fmla="*/ 333527 h 33352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 ang="0">
                    <a:pos x="connsiteX76" y="connsiteY76"/>
                  </a:cxn>
                  <a:cxn ang="0">
                    <a:pos x="connsiteX77" y="connsiteY77"/>
                  </a:cxn>
                  <a:cxn ang="0">
                    <a:pos x="connsiteX78" y="connsiteY78"/>
                  </a:cxn>
                  <a:cxn ang="0">
                    <a:pos x="connsiteX79" y="connsiteY79"/>
                  </a:cxn>
                  <a:cxn ang="0">
                    <a:pos x="connsiteX80" y="connsiteY80"/>
                  </a:cxn>
                  <a:cxn ang="0">
                    <a:pos x="connsiteX81" y="connsiteY81"/>
                  </a:cxn>
                  <a:cxn ang="0">
                    <a:pos x="connsiteX82" y="connsiteY82"/>
                  </a:cxn>
                  <a:cxn ang="0">
                    <a:pos x="connsiteX83" y="connsiteY83"/>
                  </a:cxn>
                  <a:cxn ang="0">
                    <a:pos x="connsiteX84" y="connsiteY84"/>
                  </a:cxn>
                  <a:cxn ang="0">
                    <a:pos x="connsiteX85" y="connsiteY85"/>
                  </a:cxn>
                  <a:cxn ang="0">
                    <a:pos x="connsiteX86" y="connsiteY86"/>
                  </a:cxn>
                  <a:cxn ang="0">
                    <a:pos x="connsiteX87" y="connsiteY87"/>
                  </a:cxn>
                  <a:cxn ang="0">
                    <a:pos x="connsiteX88" y="connsiteY88"/>
                  </a:cxn>
                  <a:cxn ang="0">
                    <a:pos x="connsiteX89" y="connsiteY89"/>
                  </a:cxn>
                  <a:cxn ang="0">
                    <a:pos x="connsiteX90" y="connsiteY90"/>
                  </a:cxn>
                  <a:cxn ang="0">
                    <a:pos x="connsiteX91" y="connsiteY91"/>
                  </a:cxn>
                  <a:cxn ang="0">
                    <a:pos x="connsiteX92" y="connsiteY92"/>
                  </a:cxn>
                  <a:cxn ang="0">
                    <a:pos x="connsiteX93" y="connsiteY93"/>
                  </a:cxn>
                  <a:cxn ang="0">
                    <a:pos x="connsiteX94" y="connsiteY94"/>
                  </a:cxn>
                  <a:cxn ang="0">
                    <a:pos x="connsiteX95" y="connsiteY95"/>
                  </a:cxn>
                  <a:cxn ang="0">
                    <a:pos x="connsiteX96" y="connsiteY96"/>
                  </a:cxn>
                  <a:cxn ang="0">
                    <a:pos x="connsiteX97" y="connsiteY97"/>
                  </a:cxn>
                  <a:cxn ang="0">
                    <a:pos x="connsiteX98" y="connsiteY98"/>
                  </a:cxn>
                  <a:cxn ang="0">
                    <a:pos x="connsiteX99" y="connsiteY99"/>
                  </a:cxn>
                  <a:cxn ang="0">
                    <a:pos x="connsiteX100" y="connsiteY100"/>
                  </a:cxn>
                  <a:cxn ang="0">
                    <a:pos x="connsiteX101" y="connsiteY101"/>
                  </a:cxn>
                  <a:cxn ang="0">
                    <a:pos x="connsiteX102" y="connsiteY102"/>
                  </a:cxn>
                  <a:cxn ang="0">
                    <a:pos x="connsiteX103" y="connsiteY103"/>
                  </a:cxn>
                  <a:cxn ang="0">
                    <a:pos x="connsiteX104" y="connsiteY104"/>
                  </a:cxn>
                  <a:cxn ang="0">
                    <a:pos x="connsiteX105" y="connsiteY105"/>
                  </a:cxn>
                  <a:cxn ang="0">
                    <a:pos x="connsiteX106" y="connsiteY106"/>
                  </a:cxn>
                  <a:cxn ang="0">
                    <a:pos x="connsiteX107" y="connsiteY107"/>
                  </a:cxn>
                  <a:cxn ang="0">
                    <a:pos x="connsiteX108" y="connsiteY108"/>
                  </a:cxn>
                  <a:cxn ang="0">
                    <a:pos x="connsiteX109" y="connsiteY109"/>
                  </a:cxn>
                  <a:cxn ang="0">
                    <a:pos x="connsiteX110" y="connsiteY110"/>
                  </a:cxn>
                  <a:cxn ang="0">
                    <a:pos x="connsiteX111" y="connsiteY111"/>
                  </a:cxn>
                  <a:cxn ang="0">
                    <a:pos x="connsiteX112" y="connsiteY112"/>
                  </a:cxn>
                  <a:cxn ang="0">
                    <a:pos x="connsiteX113" y="connsiteY113"/>
                  </a:cxn>
                  <a:cxn ang="0">
                    <a:pos x="connsiteX114" y="connsiteY114"/>
                  </a:cxn>
                  <a:cxn ang="0">
                    <a:pos x="connsiteX115" y="connsiteY115"/>
                  </a:cxn>
                  <a:cxn ang="0">
                    <a:pos x="connsiteX116" y="connsiteY116"/>
                  </a:cxn>
                  <a:cxn ang="0">
                    <a:pos x="connsiteX117" y="connsiteY117"/>
                  </a:cxn>
                  <a:cxn ang="0">
                    <a:pos x="connsiteX118" y="connsiteY118"/>
                  </a:cxn>
                  <a:cxn ang="0">
                    <a:pos x="connsiteX119" y="connsiteY119"/>
                  </a:cxn>
                  <a:cxn ang="0">
                    <a:pos x="connsiteX120" y="connsiteY120"/>
                  </a:cxn>
                  <a:cxn ang="0">
                    <a:pos x="connsiteX121" y="connsiteY121"/>
                  </a:cxn>
                  <a:cxn ang="0">
                    <a:pos x="connsiteX122" y="connsiteY122"/>
                  </a:cxn>
                  <a:cxn ang="0">
                    <a:pos x="connsiteX123" y="connsiteY123"/>
                  </a:cxn>
                  <a:cxn ang="0">
                    <a:pos x="connsiteX124" y="connsiteY124"/>
                  </a:cxn>
                  <a:cxn ang="0">
                    <a:pos x="connsiteX125" y="connsiteY125"/>
                  </a:cxn>
                  <a:cxn ang="0">
                    <a:pos x="connsiteX126" y="connsiteY126"/>
                  </a:cxn>
                  <a:cxn ang="0">
                    <a:pos x="connsiteX127" y="connsiteY127"/>
                  </a:cxn>
                  <a:cxn ang="0">
                    <a:pos x="connsiteX128" y="connsiteY128"/>
                  </a:cxn>
                  <a:cxn ang="0">
                    <a:pos x="connsiteX129" y="connsiteY129"/>
                  </a:cxn>
                  <a:cxn ang="0">
                    <a:pos x="connsiteX130" y="connsiteY130"/>
                  </a:cxn>
                  <a:cxn ang="0">
                    <a:pos x="connsiteX131" y="connsiteY131"/>
                  </a:cxn>
                  <a:cxn ang="0">
                    <a:pos x="connsiteX132" y="connsiteY132"/>
                  </a:cxn>
                  <a:cxn ang="0">
                    <a:pos x="connsiteX133" y="connsiteY133"/>
                  </a:cxn>
                  <a:cxn ang="0">
                    <a:pos x="connsiteX134" y="connsiteY134"/>
                  </a:cxn>
                  <a:cxn ang="0">
                    <a:pos x="connsiteX135" y="connsiteY135"/>
                  </a:cxn>
                  <a:cxn ang="0">
                    <a:pos x="connsiteX136" y="connsiteY136"/>
                  </a:cxn>
                  <a:cxn ang="0">
                    <a:pos x="connsiteX137" y="connsiteY137"/>
                  </a:cxn>
                  <a:cxn ang="0">
                    <a:pos x="connsiteX138" y="connsiteY138"/>
                  </a:cxn>
                  <a:cxn ang="0">
                    <a:pos x="connsiteX139" y="connsiteY139"/>
                  </a:cxn>
                  <a:cxn ang="0">
                    <a:pos x="connsiteX140" y="connsiteY140"/>
                  </a:cxn>
                  <a:cxn ang="0">
                    <a:pos x="connsiteX141" y="connsiteY141"/>
                  </a:cxn>
                  <a:cxn ang="0">
                    <a:pos x="connsiteX142" y="connsiteY142"/>
                  </a:cxn>
                  <a:cxn ang="0">
                    <a:pos x="connsiteX143" y="connsiteY143"/>
                  </a:cxn>
                  <a:cxn ang="0">
                    <a:pos x="connsiteX144" y="connsiteY144"/>
                  </a:cxn>
                  <a:cxn ang="0">
                    <a:pos x="connsiteX145" y="connsiteY145"/>
                  </a:cxn>
                  <a:cxn ang="0">
                    <a:pos x="connsiteX146" y="connsiteY146"/>
                  </a:cxn>
                  <a:cxn ang="0">
                    <a:pos x="connsiteX147" y="connsiteY147"/>
                  </a:cxn>
                  <a:cxn ang="0">
                    <a:pos x="connsiteX148" y="connsiteY148"/>
                  </a:cxn>
                  <a:cxn ang="0">
                    <a:pos x="connsiteX149" y="connsiteY149"/>
                  </a:cxn>
                  <a:cxn ang="0">
                    <a:pos x="connsiteX150" y="connsiteY150"/>
                  </a:cxn>
                  <a:cxn ang="0">
                    <a:pos x="connsiteX151" y="connsiteY151"/>
                  </a:cxn>
                  <a:cxn ang="0">
                    <a:pos x="connsiteX152" y="connsiteY152"/>
                  </a:cxn>
                  <a:cxn ang="0">
                    <a:pos x="connsiteX153" y="connsiteY153"/>
                  </a:cxn>
                  <a:cxn ang="0">
                    <a:pos x="connsiteX154" y="connsiteY154"/>
                  </a:cxn>
                  <a:cxn ang="0">
                    <a:pos x="connsiteX155" y="connsiteY155"/>
                  </a:cxn>
                  <a:cxn ang="0">
                    <a:pos x="connsiteX156" y="connsiteY156"/>
                  </a:cxn>
                  <a:cxn ang="0">
                    <a:pos x="connsiteX157" y="connsiteY157"/>
                  </a:cxn>
                  <a:cxn ang="0">
                    <a:pos x="connsiteX158" y="connsiteY158"/>
                  </a:cxn>
                  <a:cxn ang="0">
                    <a:pos x="connsiteX159" y="connsiteY159"/>
                  </a:cxn>
                  <a:cxn ang="0">
                    <a:pos x="connsiteX160" y="connsiteY160"/>
                  </a:cxn>
                  <a:cxn ang="0">
                    <a:pos x="connsiteX161" y="connsiteY161"/>
                  </a:cxn>
                  <a:cxn ang="0">
                    <a:pos x="connsiteX162" y="connsiteY162"/>
                  </a:cxn>
                  <a:cxn ang="0">
                    <a:pos x="connsiteX163" y="connsiteY163"/>
                  </a:cxn>
                  <a:cxn ang="0">
                    <a:pos x="connsiteX164" y="connsiteY164"/>
                  </a:cxn>
                  <a:cxn ang="0">
                    <a:pos x="connsiteX165" y="connsiteY165"/>
                  </a:cxn>
                  <a:cxn ang="0">
                    <a:pos x="connsiteX166" y="connsiteY166"/>
                  </a:cxn>
                  <a:cxn ang="0">
                    <a:pos x="connsiteX167" y="connsiteY167"/>
                  </a:cxn>
                  <a:cxn ang="0">
                    <a:pos x="connsiteX168" y="connsiteY168"/>
                  </a:cxn>
                  <a:cxn ang="0">
                    <a:pos x="connsiteX169" y="connsiteY169"/>
                  </a:cxn>
                  <a:cxn ang="0">
                    <a:pos x="connsiteX170" y="connsiteY170"/>
                  </a:cxn>
                  <a:cxn ang="0">
                    <a:pos x="connsiteX171" y="connsiteY171"/>
                  </a:cxn>
                  <a:cxn ang="0">
                    <a:pos x="connsiteX172" y="connsiteY172"/>
                  </a:cxn>
                  <a:cxn ang="0">
                    <a:pos x="connsiteX173" y="connsiteY173"/>
                  </a:cxn>
                  <a:cxn ang="0">
                    <a:pos x="connsiteX174" y="connsiteY174"/>
                  </a:cxn>
                  <a:cxn ang="0">
                    <a:pos x="connsiteX175" y="connsiteY175"/>
                  </a:cxn>
                  <a:cxn ang="0">
                    <a:pos x="connsiteX176" y="connsiteY176"/>
                  </a:cxn>
                  <a:cxn ang="0">
                    <a:pos x="connsiteX177" y="connsiteY177"/>
                  </a:cxn>
                  <a:cxn ang="0">
                    <a:pos x="connsiteX178" y="connsiteY178"/>
                  </a:cxn>
                  <a:cxn ang="0">
                    <a:pos x="connsiteX179" y="connsiteY179"/>
                  </a:cxn>
                  <a:cxn ang="0">
                    <a:pos x="connsiteX180" y="connsiteY180"/>
                  </a:cxn>
                  <a:cxn ang="0">
                    <a:pos x="connsiteX181" y="connsiteY181"/>
                  </a:cxn>
                  <a:cxn ang="0">
                    <a:pos x="connsiteX182" y="connsiteY182"/>
                  </a:cxn>
                  <a:cxn ang="0">
                    <a:pos x="connsiteX183" y="connsiteY183"/>
                  </a:cxn>
                  <a:cxn ang="0">
                    <a:pos x="connsiteX184" y="connsiteY184"/>
                  </a:cxn>
                  <a:cxn ang="0">
                    <a:pos x="connsiteX185" y="connsiteY185"/>
                  </a:cxn>
                  <a:cxn ang="0">
                    <a:pos x="connsiteX186" y="connsiteY186"/>
                  </a:cxn>
                  <a:cxn ang="0">
                    <a:pos x="connsiteX187" y="connsiteY187"/>
                  </a:cxn>
                  <a:cxn ang="0">
                    <a:pos x="connsiteX188" y="connsiteY188"/>
                  </a:cxn>
                  <a:cxn ang="0">
                    <a:pos x="connsiteX189" y="connsiteY189"/>
                  </a:cxn>
                  <a:cxn ang="0">
                    <a:pos x="connsiteX190" y="connsiteY190"/>
                  </a:cxn>
                  <a:cxn ang="0">
                    <a:pos x="connsiteX191" y="connsiteY191"/>
                  </a:cxn>
                  <a:cxn ang="0">
                    <a:pos x="connsiteX192" y="connsiteY192"/>
                  </a:cxn>
                  <a:cxn ang="0">
                    <a:pos x="connsiteX193" y="connsiteY193"/>
                  </a:cxn>
                  <a:cxn ang="0">
                    <a:pos x="connsiteX194" y="connsiteY194"/>
                  </a:cxn>
                  <a:cxn ang="0">
                    <a:pos x="connsiteX195" y="connsiteY195"/>
                  </a:cxn>
                  <a:cxn ang="0">
                    <a:pos x="connsiteX196" y="connsiteY196"/>
                  </a:cxn>
                  <a:cxn ang="0">
                    <a:pos x="connsiteX197" y="connsiteY197"/>
                  </a:cxn>
                  <a:cxn ang="0">
                    <a:pos x="connsiteX198" y="connsiteY198"/>
                  </a:cxn>
                  <a:cxn ang="0">
                    <a:pos x="connsiteX199" y="connsiteY199"/>
                  </a:cxn>
                  <a:cxn ang="0">
                    <a:pos x="connsiteX200" y="connsiteY200"/>
                  </a:cxn>
                  <a:cxn ang="0">
                    <a:pos x="connsiteX201" y="connsiteY201"/>
                  </a:cxn>
                  <a:cxn ang="0">
                    <a:pos x="connsiteX202" y="connsiteY202"/>
                  </a:cxn>
                  <a:cxn ang="0">
                    <a:pos x="connsiteX203" y="connsiteY203"/>
                  </a:cxn>
                  <a:cxn ang="0">
                    <a:pos x="connsiteX204" y="connsiteY204"/>
                  </a:cxn>
                  <a:cxn ang="0">
                    <a:pos x="connsiteX205" y="connsiteY205"/>
                  </a:cxn>
                  <a:cxn ang="0">
                    <a:pos x="connsiteX206" y="connsiteY206"/>
                  </a:cxn>
                  <a:cxn ang="0">
                    <a:pos x="connsiteX207" y="connsiteY207"/>
                  </a:cxn>
                  <a:cxn ang="0">
                    <a:pos x="connsiteX208" y="connsiteY208"/>
                  </a:cxn>
                  <a:cxn ang="0">
                    <a:pos x="connsiteX209" y="connsiteY209"/>
                  </a:cxn>
                  <a:cxn ang="0">
                    <a:pos x="connsiteX210" y="connsiteY210"/>
                  </a:cxn>
                  <a:cxn ang="0">
                    <a:pos x="connsiteX211" y="connsiteY211"/>
                  </a:cxn>
                  <a:cxn ang="0">
                    <a:pos x="connsiteX212" y="connsiteY212"/>
                  </a:cxn>
                  <a:cxn ang="0">
                    <a:pos x="connsiteX213" y="connsiteY213"/>
                  </a:cxn>
                  <a:cxn ang="0">
                    <a:pos x="connsiteX214" y="connsiteY214"/>
                  </a:cxn>
                  <a:cxn ang="0">
                    <a:pos x="connsiteX215" y="connsiteY215"/>
                  </a:cxn>
                  <a:cxn ang="0">
                    <a:pos x="connsiteX216" y="connsiteY216"/>
                  </a:cxn>
                  <a:cxn ang="0">
                    <a:pos x="connsiteX217" y="connsiteY217"/>
                  </a:cxn>
                  <a:cxn ang="0">
                    <a:pos x="connsiteX218" y="connsiteY218"/>
                  </a:cxn>
                  <a:cxn ang="0">
                    <a:pos x="connsiteX219" y="connsiteY219"/>
                  </a:cxn>
                  <a:cxn ang="0">
                    <a:pos x="connsiteX220" y="connsiteY220"/>
                  </a:cxn>
                  <a:cxn ang="0">
                    <a:pos x="connsiteX221" y="connsiteY221"/>
                  </a:cxn>
                  <a:cxn ang="0">
                    <a:pos x="connsiteX222" y="connsiteY222"/>
                  </a:cxn>
                  <a:cxn ang="0">
                    <a:pos x="connsiteX223" y="connsiteY223"/>
                  </a:cxn>
                  <a:cxn ang="0">
                    <a:pos x="connsiteX224" y="connsiteY224"/>
                  </a:cxn>
                  <a:cxn ang="0">
                    <a:pos x="connsiteX225" y="connsiteY225"/>
                  </a:cxn>
                  <a:cxn ang="0">
                    <a:pos x="connsiteX226" y="connsiteY226"/>
                  </a:cxn>
                  <a:cxn ang="0">
                    <a:pos x="connsiteX227" y="connsiteY227"/>
                  </a:cxn>
                  <a:cxn ang="0">
                    <a:pos x="connsiteX228" y="connsiteY228"/>
                  </a:cxn>
                  <a:cxn ang="0">
                    <a:pos x="connsiteX229" y="connsiteY229"/>
                  </a:cxn>
                  <a:cxn ang="0">
                    <a:pos x="connsiteX230" y="connsiteY230"/>
                  </a:cxn>
                  <a:cxn ang="0">
                    <a:pos x="connsiteX231" y="connsiteY231"/>
                  </a:cxn>
                  <a:cxn ang="0">
                    <a:pos x="connsiteX232" y="connsiteY232"/>
                  </a:cxn>
                  <a:cxn ang="0">
                    <a:pos x="connsiteX233" y="connsiteY233"/>
                  </a:cxn>
                  <a:cxn ang="0">
                    <a:pos x="connsiteX234" y="connsiteY234"/>
                  </a:cxn>
                  <a:cxn ang="0">
                    <a:pos x="connsiteX235" y="connsiteY235"/>
                  </a:cxn>
                  <a:cxn ang="0">
                    <a:pos x="connsiteX236" y="connsiteY236"/>
                  </a:cxn>
                  <a:cxn ang="0">
                    <a:pos x="connsiteX237" y="connsiteY237"/>
                  </a:cxn>
                  <a:cxn ang="0">
                    <a:pos x="connsiteX238" y="connsiteY238"/>
                  </a:cxn>
                  <a:cxn ang="0">
                    <a:pos x="connsiteX239" y="connsiteY239"/>
                  </a:cxn>
                  <a:cxn ang="0">
                    <a:pos x="connsiteX240" y="connsiteY240"/>
                  </a:cxn>
                  <a:cxn ang="0">
                    <a:pos x="connsiteX241" y="connsiteY241"/>
                  </a:cxn>
                  <a:cxn ang="0">
                    <a:pos x="connsiteX242" y="connsiteY242"/>
                  </a:cxn>
                  <a:cxn ang="0">
                    <a:pos x="connsiteX243" y="connsiteY243"/>
                  </a:cxn>
                  <a:cxn ang="0">
                    <a:pos x="connsiteX244" y="connsiteY244"/>
                  </a:cxn>
                  <a:cxn ang="0">
                    <a:pos x="connsiteX245" y="connsiteY245"/>
                  </a:cxn>
                  <a:cxn ang="0">
                    <a:pos x="connsiteX246" y="connsiteY246"/>
                  </a:cxn>
                  <a:cxn ang="0">
                    <a:pos x="connsiteX247" y="connsiteY247"/>
                  </a:cxn>
                  <a:cxn ang="0">
                    <a:pos x="connsiteX248" y="connsiteY248"/>
                  </a:cxn>
                  <a:cxn ang="0">
                    <a:pos x="connsiteX249" y="connsiteY249"/>
                  </a:cxn>
                  <a:cxn ang="0">
                    <a:pos x="connsiteX250" y="connsiteY250"/>
                  </a:cxn>
                  <a:cxn ang="0">
                    <a:pos x="connsiteX251" y="connsiteY251"/>
                  </a:cxn>
                  <a:cxn ang="0">
                    <a:pos x="connsiteX252" y="connsiteY252"/>
                  </a:cxn>
                  <a:cxn ang="0">
                    <a:pos x="connsiteX253" y="connsiteY253"/>
                  </a:cxn>
                  <a:cxn ang="0">
                    <a:pos x="connsiteX254" y="connsiteY254"/>
                  </a:cxn>
                  <a:cxn ang="0">
                    <a:pos x="connsiteX255" y="connsiteY255"/>
                  </a:cxn>
                  <a:cxn ang="0">
                    <a:pos x="connsiteX256" y="connsiteY256"/>
                  </a:cxn>
                  <a:cxn ang="0">
                    <a:pos x="connsiteX257" y="connsiteY257"/>
                  </a:cxn>
                  <a:cxn ang="0">
                    <a:pos x="connsiteX258" y="connsiteY258"/>
                  </a:cxn>
                  <a:cxn ang="0">
                    <a:pos x="connsiteX259" y="connsiteY259"/>
                  </a:cxn>
                  <a:cxn ang="0">
                    <a:pos x="connsiteX260" y="connsiteY260"/>
                  </a:cxn>
                  <a:cxn ang="0">
                    <a:pos x="connsiteX261" y="connsiteY261"/>
                  </a:cxn>
                  <a:cxn ang="0">
                    <a:pos x="connsiteX262" y="connsiteY262"/>
                  </a:cxn>
                  <a:cxn ang="0">
                    <a:pos x="connsiteX263" y="connsiteY263"/>
                  </a:cxn>
                  <a:cxn ang="0">
                    <a:pos x="connsiteX264" y="connsiteY264"/>
                  </a:cxn>
                  <a:cxn ang="0">
                    <a:pos x="connsiteX265" y="connsiteY265"/>
                  </a:cxn>
                  <a:cxn ang="0">
                    <a:pos x="connsiteX266" y="connsiteY266"/>
                  </a:cxn>
                  <a:cxn ang="0">
                    <a:pos x="connsiteX267" y="connsiteY267"/>
                  </a:cxn>
                  <a:cxn ang="0">
                    <a:pos x="connsiteX268" y="connsiteY268"/>
                  </a:cxn>
                  <a:cxn ang="0">
                    <a:pos x="connsiteX269" y="connsiteY269"/>
                  </a:cxn>
                  <a:cxn ang="0">
                    <a:pos x="connsiteX270" y="connsiteY270"/>
                  </a:cxn>
                  <a:cxn ang="0">
                    <a:pos x="connsiteX271" y="connsiteY271"/>
                  </a:cxn>
                  <a:cxn ang="0">
                    <a:pos x="connsiteX272" y="connsiteY272"/>
                  </a:cxn>
                  <a:cxn ang="0">
                    <a:pos x="connsiteX273" y="connsiteY273"/>
                  </a:cxn>
                  <a:cxn ang="0">
                    <a:pos x="connsiteX274" y="connsiteY274"/>
                  </a:cxn>
                  <a:cxn ang="0">
                    <a:pos x="connsiteX275" y="connsiteY275"/>
                  </a:cxn>
                  <a:cxn ang="0">
                    <a:pos x="connsiteX276" y="connsiteY276"/>
                  </a:cxn>
                  <a:cxn ang="0">
                    <a:pos x="connsiteX277" y="connsiteY277"/>
                  </a:cxn>
                </a:cxnLst>
                <a:rect l="l" t="t" r="r" b="b"/>
                <a:pathLst>
                  <a:path w="1416459" h="333527">
                    <a:moveTo>
                      <a:pt x="541107" y="234333"/>
                    </a:moveTo>
                    <a:lnTo>
                      <a:pt x="541107" y="99194"/>
                    </a:lnTo>
                    <a:lnTo>
                      <a:pt x="609058" y="99194"/>
                    </a:lnTo>
                    <a:lnTo>
                      <a:pt x="609058" y="114064"/>
                    </a:lnTo>
                    <a:lnTo>
                      <a:pt x="558086" y="114064"/>
                    </a:lnTo>
                    <a:lnTo>
                      <a:pt x="558086" y="158470"/>
                    </a:lnTo>
                    <a:lnTo>
                      <a:pt x="605781" y="158470"/>
                    </a:lnTo>
                    <a:lnTo>
                      <a:pt x="605781" y="172947"/>
                    </a:lnTo>
                    <a:lnTo>
                      <a:pt x="558086" y="172947"/>
                    </a:lnTo>
                    <a:lnTo>
                      <a:pt x="558086" y="219475"/>
                    </a:lnTo>
                    <a:lnTo>
                      <a:pt x="609058" y="219475"/>
                    </a:lnTo>
                    <a:lnTo>
                      <a:pt x="609058" y="234345"/>
                    </a:lnTo>
                    <a:lnTo>
                      <a:pt x="541107" y="234345"/>
                    </a:lnTo>
                    <a:close/>
                    <a:moveTo>
                      <a:pt x="685325" y="178536"/>
                    </a:moveTo>
                    <a:lnTo>
                      <a:pt x="703090" y="114636"/>
                    </a:lnTo>
                    <a:lnTo>
                      <a:pt x="720855" y="178536"/>
                    </a:lnTo>
                    <a:lnTo>
                      <a:pt x="685325" y="178536"/>
                    </a:lnTo>
                    <a:close/>
                    <a:moveTo>
                      <a:pt x="669883" y="234333"/>
                    </a:moveTo>
                    <a:lnTo>
                      <a:pt x="681464" y="192822"/>
                    </a:lnTo>
                    <a:lnTo>
                      <a:pt x="724906" y="192822"/>
                    </a:lnTo>
                    <a:lnTo>
                      <a:pt x="736487" y="234333"/>
                    </a:lnTo>
                    <a:lnTo>
                      <a:pt x="754252" y="234333"/>
                    </a:lnTo>
                    <a:lnTo>
                      <a:pt x="714099" y="99194"/>
                    </a:lnTo>
                    <a:lnTo>
                      <a:pt x="692866" y="99194"/>
                    </a:lnTo>
                    <a:lnTo>
                      <a:pt x="652713" y="234333"/>
                    </a:lnTo>
                    <a:lnTo>
                      <a:pt x="669894" y="234333"/>
                    </a:lnTo>
                    <a:close/>
                    <a:moveTo>
                      <a:pt x="802901" y="150738"/>
                    </a:moveTo>
                    <a:cubicBezTo>
                      <a:pt x="815066" y="150738"/>
                      <a:pt x="820857" y="157303"/>
                      <a:pt x="820857" y="171399"/>
                    </a:cubicBezTo>
                    <a:lnTo>
                      <a:pt x="820857" y="179310"/>
                    </a:lnTo>
                    <a:lnTo>
                      <a:pt x="784957" y="179310"/>
                    </a:lnTo>
                    <a:lnTo>
                      <a:pt x="784957" y="171399"/>
                    </a:lnTo>
                    <a:cubicBezTo>
                      <a:pt x="784957" y="157303"/>
                      <a:pt x="790747" y="150738"/>
                      <a:pt x="802912" y="150738"/>
                    </a:cubicBezTo>
                    <a:close/>
                    <a:moveTo>
                      <a:pt x="768336" y="172554"/>
                    </a:moveTo>
                    <a:lnTo>
                      <a:pt x="768336" y="201519"/>
                    </a:lnTo>
                    <a:cubicBezTo>
                      <a:pt x="768336" y="224099"/>
                      <a:pt x="780501" y="236264"/>
                      <a:pt x="802508" y="236264"/>
                    </a:cubicBezTo>
                    <a:cubicBezTo>
                      <a:pt x="824515" y="236264"/>
                      <a:pt x="836108" y="226422"/>
                      <a:pt x="836882" y="205571"/>
                    </a:cubicBezTo>
                    <a:lnTo>
                      <a:pt x="820857" y="205571"/>
                    </a:lnTo>
                    <a:cubicBezTo>
                      <a:pt x="820284" y="218117"/>
                      <a:pt x="814684" y="223335"/>
                      <a:pt x="802519" y="223335"/>
                    </a:cubicBezTo>
                    <a:cubicBezTo>
                      <a:pt x="790355" y="223335"/>
                      <a:pt x="784957" y="216580"/>
                      <a:pt x="784957" y="202484"/>
                    </a:cubicBezTo>
                    <a:lnTo>
                      <a:pt x="784957" y="192822"/>
                    </a:lnTo>
                    <a:lnTo>
                      <a:pt x="837275" y="192822"/>
                    </a:lnTo>
                    <a:lnTo>
                      <a:pt x="837275" y="172162"/>
                    </a:lnTo>
                    <a:cubicBezTo>
                      <a:pt x="837275" y="149773"/>
                      <a:pt x="825312" y="137799"/>
                      <a:pt x="802912" y="137799"/>
                    </a:cubicBezTo>
                    <a:cubicBezTo>
                      <a:pt x="780513" y="137799"/>
                      <a:pt x="768347" y="149964"/>
                      <a:pt x="768347" y="172543"/>
                    </a:cubicBezTo>
                    <a:close/>
                    <a:moveTo>
                      <a:pt x="902140" y="155564"/>
                    </a:moveTo>
                    <a:lnTo>
                      <a:pt x="902140" y="138955"/>
                    </a:lnTo>
                    <a:lnTo>
                      <a:pt x="900401" y="138955"/>
                    </a:lnTo>
                    <a:cubicBezTo>
                      <a:pt x="888617" y="138955"/>
                      <a:pt x="880515" y="144173"/>
                      <a:pt x="875891" y="154015"/>
                    </a:cubicBezTo>
                    <a:lnTo>
                      <a:pt x="875891" y="139729"/>
                    </a:lnTo>
                    <a:lnTo>
                      <a:pt x="860247" y="139729"/>
                    </a:lnTo>
                    <a:lnTo>
                      <a:pt x="860247" y="234333"/>
                    </a:lnTo>
                    <a:lnTo>
                      <a:pt x="876856" y="234333"/>
                    </a:lnTo>
                    <a:lnTo>
                      <a:pt x="876856" y="176987"/>
                    </a:lnTo>
                    <a:cubicBezTo>
                      <a:pt x="876856" y="164441"/>
                      <a:pt x="882838" y="155171"/>
                      <a:pt x="898280" y="155171"/>
                    </a:cubicBezTo>
                    <a:cubicBezTo>
                      <a:pt x="899828" y="155171"/>
                      <a:pt x="901366" y="155362"/>
                      <a:pt x="902140" y="155564"/>
                    </a:cubicBezTo>
                    <a:close/>
                    <a:moveTo>
                      <a:pt x="947691" y="223145"/>
                    </a:moveTo>
                    <a:cubicBezTo>
                      <a:pt x="935538" y="223145"/>
                      <a:pt x="929927" y="216568"/>
                      <a:pt x="929927" y="202484"/>
                    </a:cubicBezTo>
                    <a:lnTo>
                      <a:pt x="929927" y="171589"/>
                    </a:lnTo>
                    <a:cubicBezTo>
                      <a:pt x="929927" y="157505"/>
                      <a:pt x="935526" y="150940"/>
                      <a:pt x="947691" y="150940"/>
                    </a:cubicBezTo>
                    <a:cubicBezTo>
                      <a:pt x="959856" y="150940"/>
                      <a:pt x="965456" y="157505"/>
                      <a:pt x="965456" y="171589"/>
                    </a:cubicBezTo>
                    <a:lnTo>
                      <a:pt x="965456" y="202484"/>
                    </a:lnTo>
                    <a:cubicBezTo>
                      <a:pt x="965456" y="216568"/>
                      <a:pt x="959856" y="223145"/>
                      <a:pt x="947691" y="223145"/>
                    </a:cubicBezTo>
                    <a:close/>
                    <a:moveTo>
                      <a:pt x="947691" y="236264"/>
                    </a:moveTo>
                    <a:cubicBezTo>
                      <a:pt x="970091" y="236264"/>
                      <a:pt x="982065" y="224110"/>
                      <a:pt x="982065" y="201519"/>
                    </a:cubicBezTo>
                    <a:lnTo>
                      <a:pt x="982065" y="172554"/>
                    </a:lnTo>
                    <a:cubicBezTo>
                      <a:pt x="982065" y="149975"/>
                      <a:pt x="970102" y="137810"/>
                      <a:pt x="947691" y="137810"/>
                    </a:cubicBezTo>
                    <a:cubicBezTo>
                      <a:pt x="925280" y="137810"/>
                      <a:pt x="913329" y="149975"/>
                      <a:pt x="913329" y="172554"/>
                    </a:cubicBezTo>
                    <a:lnTo>
                      <a:pt x="913329" y="201519"/>
                    </a:lnTo>
                    <a:cubicBezTo>
                      <a:pt x="913329" y="224110"/>
                      <a:pt x="925292" y="236264"/>
                      <a:pt x="947691" y="236264"/>
                    </a:cubicBezTo>
                    <a:close/>
                    <a:moveTo>
                      <a:pt x="1018168" y="161938"/>
                    </a:moveTo>
                    <a:cubicBezTo>
                      <a:pt x="1018168" y="154408"/>
                      <a:pt x="1023375" y="150547"/>
                      <a:pt x="1032454" y="150547"/>
                    </a:cubicBezTo>
                    <a:cubicBezTo>
                      <a:pt x="1043261" y="150547"/>
                      <a:pt x="1047694" y="155755"/>
                      <a:pt x="1047694" y="167145"/>
                    </a:cubicBezTo>
                    <a:lnTo>
                      <a:pt x="1063540" y="167145"/>
                    </a:lnTo>
                    <a:cubicBezTo>
                      <a:pt x="1063540" y="147069"/>
                      <a:pt x="1054259" y="137799"/>
                      <a:pt x="1032454" y="137799"/>
                    </a:cubicBezTo>
                    <a:cubicBezTo>
                      <a:pt x="1012949" y="137799"/>
                      <a:pt x="1002131" y="147461"/>
                      <a:pt x="1002131" y="164250"/>
                    </a:cubicBezTo>
                    <a:cubicBezTo>
                      <a:pt x="1002131" y="179883"/>
                      <a:pt x="1012164" y="185483"/>
                      <a:pt x="1024912" y="191666"/>
                    </a:cubicBezTo>
                    <a:lnTo>
                      <a:pt x="1034754" y="196492"/>
                    </a:lnTo>
                    <a:cubicBezTo>
                      <a:pt x="1044787" y="201306"/>
                      <a:pt x="1048277" y="203629"/>
                      <a:pt x="1048277" y="211361"/>
                    </a:cubicBezTo>
                    <a:cubicBezTo>
                      <a:pt x="1048277" y="219666"/>
                      <a:pt x="1042486" y="223515"/>
                      <a:pt x="1032442" y="223515"/>
                    </a:cubicBezTo>
                    <a:cubicBezTo>
                      <a:pt x="1020850" y="223515"/>
                      <a:pt x="1015833" y="218117"/>
                      <a:pt x="1015833" y="206143"/>
                    </a:cubicBezTo>
                    <a:lnTo>
                      <a:pt x="999999" y="206143"/>
                    </a:lnTo>
                    <a:cubicBezTo>
                      <a:pt x="999999" y="226803"/>
                      <a:pt x="1010031" y="236264"/>
                      <a:pt x="1032442" y="236264"/>
                    </a:cubicBezTo>
                    <a:cubicBezTo>
                      <a:pt x="1052710" y="236264"/>
                      <a:pt x="1064291" y="226231"/>
                      <a:pt x="1064291" y="209038"/>
                    </a:cubicBezTo>
                    <a:cubicBezTo>
                      <a:pt x="1064291" y="193406"/>
                      <a:pt x="1054247" y="187806"/>
                      <a:pt x="1041510" y="181622"/>
                    </a:cubicBezTo>
                    <a:lnTo>
                      <a:pt x="1031668" y="176796"/>
                    </a:lnTo>
                    <a:cubicBezTo>
                      <a:pt x="1021635" y="171971"/>
                      <a:pt x="1018156" y="169659"/>
                      <a:pt x="1018156" y="161927"/>
                    </a:cubicBezTo>
                    <a:close/>
                    <a:moveTo>
                      <a:pt x="1137674" y="202484"/>
                    </a:moveTo>
                    <a:cubicBezTo>
                      <a:pt x="1137674" y="215996"/>
                      <a:pt x="1132456" y="222180"/>
                      <a:pt x="1120874" y="222180"/>
                    </a:cubicBezTo>
                    <a:cubicBezTo>
                      <a:pt x="1108126" y="222180"/>
                      <a:pt x="1102144" y="213673"/>
                      <a:pt x="1102144" y="199589"/>
                    </a:cubicBezTo>
                    <a:lnTo>
                      <a:pt x="1102144" y="173520"/>
                    </a:lnTo>
                    <a:cubicBezTo>
                      <a:pt x="1102144" y="159436"/>
                      <a:pt x="1108126" y="150929"/>
                      <a:pt x="1120874" y="150929"/>
                    </a:cubicBezTo>
                    <a:cubicBezTo>
                      <a:pt x="1132456" y="150929"/>
                      <a:pt x="1137674" y="157113"/>
                      <a:pt x="1137674" y="170624"/>
                    </a:cubicBezTo>
                    <a:lnTo>
                      <a:pt x="1137674" y="202484"/>
                    </a:lnTo>
                    <a:close/>
                    <a:moveTo>
                      <a:pt x="1154272" y="202092"/>
                    </a:moveTo>
                    <a:lnTo>
                      <a:pt x="1154272" y="171006"/>
                    </a:lnTo>
                    <a:cubicBezTo>
                      <a:pt x="1154272" y="149380"/>
                      <a:pt x="1143274" y="137799"/>
                      <a:pt x="1124544" y="137799"/>
                    </a:cubicBezTo>
                    <a:cubicBezTo>
                      <a:pt x="1113726" y="137799"/>
                      <a:pt x="1105814" y="142434"/>
                      <a:pt x="1101190" y="151311"/>
                    </a:cubicBezTo>
                    <a:lnTo>
                      <a:pt x="1101190" y="139729"/>
                    </a:lnTo>
                    <a:lnTo>
                      <a:pt x="1085546" y="139729"/>
                    </a:lnTo>
                    <a:lnTo>
                      <a:pt x="1085546" y="269078"/>
                    </a:lnTo>
                    <a:lnTo>
                      <a:pt x="1102155" y="269078"/>
                    </a:lnTo>
                    <a:lnTo>
                      <a:pt x="1102155" y="223515"/>
                    </a:lnTo>
                    <a:cubicBezTo>
                      <a:pt x="1106790" y="231236"/>
                      <a:pt x="1114511" y="235298"/>
                      <a:pt x="1124544" y="235298"/>
                    </a:cubicBezTo>
                    <a:cubicBezTo>
                      <a:pt x="1143274" y="235298"/>
                      <a:pt x="1154272" y="223717"/>
                      <a:pt x="1154272" y="202092"/>
                    </a:cubicBezTo>
                    <a:close/>
                    <a:moveTo>
                      <a:pt x="1204469" y="222370"/>
                    </a:moveTo>
                    <a:cubicBezTo>
                      <a:pt x="1194437" y="222370"/>
                      <a:pt x="1189409" y="217152"/>
                      <a:pt x="1189409" y="206726"/>
                    </a:cubicBezTo>
                    <a:lnTo>
                      <a:pt x="1189409" y="203831"/>
                    </a:lnTo>
                    <a:cubicBezTo>
                      <a:pt x="1189409" y="192833"/>
                      <a:pt x="1196165" y="188580"/>
                      <a:pt x="1214502" y="188580"/>
                    </a:cubicBezTo>
                    <a:lnTo>
                      <a:pt x="1223199" y="188580"/>
                    </a:lnTo>
                    <a:lnTo>
                      <a:pt x="1223199" y="202484"/>
                    </a:lnTo>
                    <a:cubicBezTo>
                      <a:pt x="1223199" y="215424"/>
                      <a:pt x="1216634" y="222382"/>
                      <a:pt x="1204469" y="222382"/>
                    </a:cubicBezTo>
                    <a:close/>
                    <a:moveTo>
                      <a:pt x="1200800" y="235310"/>
                    </a:moveTo>
                    <a:cubicBezTo>
                      <a:pt x="1211798" y="235310"/>
                      <a:pt x="1219911" y="230866"/>
                      <a:pt x="1224344" y="222370"/>
                    </a:cubicBezTo>
                    <a:lnTo>
                      <a:pt x="1224344" y="234333"/>
                    </a:lnTo>
                    <a:lnTo>
                      <a:pt x="1239786" y="234333"/>
                    </a:lnTo>
                    <a:lnTo>
                      <a:pt x="1239786" y="168110"/>
                    </a:lnTo>
                    <a:cubicBezTo>
                      <a:pt x="1239786" y="147450"/>
                      <a:pt x="1229170" y="137799"/>
                      <a:pt x="1206972" y="137799"/>
                    </a:cubicBezTo>
                    <a:cubicBezTo>
                      <a:pt x="1185919" y="137799"/>
                      <a:pt x="1175493" y="147069"/>
                      <a:pt x="1175123" y="166180"/>
                    </a:cubicBezTo>
                    <a:lnTo>
                      <a:pt x="1191149" y="166180"/>
                    </a:lnTo>
                    <a:cubicBezTo>
                      <a:pt x="1191350" y="155945"/>
                      <a:pt x="1196748" y="150536"/>
                      <a:pt x="1206983" y="150536"/>
                    </a:cubicBezTo>
                    <a:cubicBezTo>
                      <a:pt x="1217981" y="150536"/>
                      <a:pt x="1223199" y="156136"/>
                      <a:pt x="1223199" y="168110"/>
                    </a:cubicBezTo>
                    <a:lnTo>
                      <a:pt x="1223199" y="175450"/>
                    </a:lnTo>
                    <a:lnTo>
                      <a:pt x="1213537" y="175450"/>
                    </a:lnTo>
                    <a:cubicBezTo>
                      <a:pt x="1185739" y="175450"/>
                      <a:pt x="1172800" y="184708"/>
                      <a:pt x="1172800" y="204796"/>
                    </a:cubicBezTo>
                    <a:lnTo>
                      <a:pt x="1172800" y="207692"/>
                    </a:lnTo>
                    <a:cubicBezTo>
                      <a:pt x="1172800" y="224491"/>
                      <a:pt x="1183798" y="235298"/>
                      <a:pt x="1200800" y="235298"/>
                    </a:cubicBezTo>
                    <a:close/>
                    <a:moveTo>
                      <a:pt x="1296751" y="236275"/>
                    </a:moveTo>
                    <a:cubicBezTo>
                      <a:pt x="1319341" y="236275"/>
                      <a:pt x="1329565" y="225658"/>
                      <a:pt x="1329565" y="201912"/>
                    </a:cubicBezTo>
                    <a:lnTo>
                      <a:pt x="1313539" y="201912"/>
                    </a:lnTo>
                    <a:cubicBezTo>
                      <a:pt x="1313539" y="217163"/>
                      <a:pt x="1308523" y="223145"/>
                      <a:pt x="1296739" y="223145"/>
                    </a:cubicBezTo>
                    <a:cubicBezTo>
                      <a:pt x="1284956" y="223145"/>
                      <a:pt x="1279165" y="216568"/>
                      <a:pt x="1279165" y="202484"/>
                    </a:cubicBezTo>
                    <a:lnTo>
                      <a:pt x="1279165" y="171589"/>
                    </a:lnTo>
                    <a:cubicBezTo>
                      <a:pt x="1279165" y="157505"/>
                      <a:pt x="1284765" y="150940"/>
                      <a:pt x="1296739" y="150940"/>
                    </a:cubicBezTo>
                    <a:cubicBezTo>
                      <a:pt x="1308714" y="150940"/>
                      <a:pt x="1313348" y="156147"/>
                      <a:pt x="1313539" y="171017"/>
                    </a:cubicBezTo>
                    <a:lnTo>
                      <a:pt x="1329565" y="171017"/>
                    </a:lnTo>
                    <a:cubicBezTo>
                      <a:pt x="1329374" y="147854"/>
                      <a:pt x="1319532" y="137810"/>
                      <a:pt x="1296751" y="137810"/>
                    </a:cubicBezTo>
                    <a:cubicBezTo>
                      <a:pt x="1273969" y="137810"/>
                      <a:pt x="1262579" y="149975"/>
                      <a:pt x="1262579" y="172554"/>
                    </a:cubicBezTo>
                    <a:lnTo>
                      <a:pt x="1262579" y="201519"/>
                    </a:lnTo>
                    <a:cubicBezTo>
                      <a:pt x="1262579" y="224110"/>
                      <a:pt x="1274542" y="236264"/>
                      <a:pt x="1296751" y="236264"/>
                    </a:cubicBezTo>
                    <a:close/>
                    <a:moveTo>
                      <a:pt x="1382085" y="150749"/>
                    </a:moveTo>
                    <a:cubicBezTo>
                      <a:pt x="1394239" y="150749"/>
                      <a:pt x="1400041" y="157315"/>
                      <a:pt x="1400041" y="171410"/>
                    </a:cubicBezTo>
                    <a:lnTo>
                      <a:pt x="1400041" y="179322"/>
                    </a:lnTo>
                    <a:lnTo>
                      <a:pt x="1364141" y="179322"/>
                    </a:lnTo>
                    <a:lnTo>
                      <a:pt x="1364141" y="171410"/>
                    </a:lnTo>
                    <a:cubicBezTo>
                      <a:pt x="1364141" y="157315"/>
                      <a:pt x="1369931" y="150749"/>
                      <a:pt x="1382096" y="150749"/>
                    </a:cubicBezTo>
                    <a:close/>
                    <a:moveTo>
                      <a:pt x="1347520" y="172566"/>
                    </a:moveTo>
                    <a:lnTo>
                      <a:pt x="1347520" y="201530"/>
                    </a:lnTo>
                    <a:cubicBezTo>
                      <a:pt x="1347520" y="224110"/>
                      <a:pt x="1359685" y="236275"/>
                      <a:pt x="1381692" y="236275"/>
                    </a:cubicBezTo>
                    <a:cubicBezTo>
                      <a:pt x="1403699" y="236275"/>
                      <a:pt x="1415292" y="226433"/>
                      <a:pt x="1416066" y="205582"/>
                    </a:cubicBezTo>
                    <a:lnTo>
                      <a:pt x="1400041" y="205582"/>
                    </a:lnTo>
                    <a:cubicBezTo>
                      <a:pt x="1399469" y="218128"/>
                      <a:pt x="1393869" y="223347"/>
                      <a:pt x="1381703" y="223347"/>
                    </a:cubicBezTo>
                    <a:cubicBezTo>
                      <a:pt x="1369539" y="223347"/>
                      <a:pt x="1364141" y="216591"/>
                      <a:pt x="1364141" y="202496"/>
                    </a:cubicBezTo>
                    <a:lnTo>
                      <a:pt x="1364141" y="192833"/>
                    </a:lnTo>
                    <a:lnTo>
                      <a:pt x="1416459" y="192833"/>
                    </a:lnTo>
                    <a:lnTo>
                      <a:pt x="1416459" y="172173"/>
                    </a:lnTo>
                    <a:cubicBezTo>
                      <a:pt x="1416459" y="149784"/>
                      <a:pt x="1404496" y="137810"/>
                      <a:pt x="1382096" y="137810"/>
                    </a:cubicBezTo>
                    <a:cubicBezTo>
                      <a:pt x="1359697" y="137810"/>
                      <a:pt x="1347532" y="149975"/>
                      <a:pt x="1347532" y="172554"/>
                    </a:cubicBezTo>
                    <a:close/>
                    <a:moveTo>
                      <a:pt x="475265" y="236275"/>
                    </a:moveTo>
                    <a:cubicBezTo>
                      <a:pt x="488979" y="236275"/>
                      <a:pt x="501335" y="233379"/>
                      <a:pt x="512725" y="227398"/>
                    </a:cubicBezTo>
                    <a:lnTo>
                      <a:pt x="512725" y="158482"/>
                    </a:lnTo>
                    <a:lnTo>
                      <a:pt x="471214" y="158482"/>
                    </a:lnTo>
                    <a:lnTo>
                      <a:pt x="471214" y="172958"/>
                    </a:lnTo>
                    <a:lnTo>
                      <a:pt x="495926" y="172958"/>
                    </a:lnTo>
                    <a:lnTo>
                      <a:pt x="495926" y="217747"/>
                    </a:lnTo>
                    <a:cubicBezTo>
                      <a:pt x="490135" y="220261"/>
                      <a:pt x="482605" y="221798"/>
                      <a:pt x="475467" y="221798"/>
                    </a:cubicBezTo>
                    <a:cubicBezTo>
                      <a:pt x="454605" y="221798"/>
                      <a:pt x="446693" y="211765"/>
                      <a:pt x="446693" y="185707"/>
                    </a:cubicBezTo>
                    <a:lnTo>
                      <a:pt x="446693" y="139168"/>
                    </a:lnTo>
                    <a:cubicBezTo>
                      <a:pt x="446693" y="121987"/>
                      <a:pt x="456356" y="111752"/>
                      <a:pt x="472572" y="111752"/>
                    </a:cubicBezTo>
                    <a:cubicBezTo>
                      <a:pt x="488788" y="111752"/>
                      <a:pt x="496116" y="119282"/>
                      <a:pt x="496509" y="135498"/>
                    </a:cubicBezTo>
                    <a:lnTo>
                      <a:pt x="514083" y="135498"/>
                    </a:lnTo>
                    <a:cubicBezTo>
                      <a:pt x="513500" y="109429"/>
                      <a:pt x="500370" y="97275"/>
                      <a:pt x="472572" y="97275"/>
                    </a:cubicBezTo>
                    <a:cubicBezTo>
                      <a:pt x="444774" y="97275"/>
                      <a:pt x="429703" y="112335"/>
                      <a:pt x="429703" y="139752"/>
                    </a:cubicBezTo>
                    <a:lnTo>
                      <a:pt x="429703" y="184921"/>
                    </a:lnTo>
                    <a:cubicBezTo>
                      <a:pt x="429703" y="220642"/>
                      <a:pt x="443607" y="236275"/>
                      <a:pt x="475265" y="236275"/>
                    </a:cubicBezTo>
                    <a:close/>
                    <a:moveTo>
                      <a:pt x="204190" y="123345"/>
                    </a:moveTo>
                    <a:cubicBezTo>
                      <a:pt x="204190" y="104401"/>
                      <a:pt x="217006" y="85985"/>
                      <a:pt x="224020" y="89487"/>
                    </a:cubicBezTo>
                    <a:cubicBezTo>
                      <a:pt x="231988" y="93482"/>
                      <a:pt x="218050" y="111337"/>
                      <a:pt x="204190" y="123345"/>
                    </a:cubicBezTo>
                    <a:moveTo>
                      <a:pt x="116869" y="130269"/>
                    </a:moveTo>
                    <a:cubicBezTo>
                      <a:pt x="116869" y="115029"/>
                      <a:pt x="131918" y="86042"/>
                      <a:pt x="141121" y="89094"/>
                    </a:cubicBezTo>
                    <a:cubicBezTo>
                      <a:pt x="151973" y="92708"/>
                      <a:pt x="132120" y="121942"/>
                      <a:pt x="116869" y="130269"/>
                    </a:cubicBezTo>
                    <a:close/>
                    <a:moveTo>
                      <a:pt x="101629" y="239294"/>
                    </a:moveTo>
                    <a:cubicBezTo>
                      <a:pt x="94705" y="239608"/>
                      <a:pt x="90093" y="235175"/>
                      <a:pt x="90093" y="227791"/>
                    </a:cubicBezTo>
                    <a:cubicBezTo>
                      <a:pt x="90093" y="207927"/>
                      <a:pt x="117621" y="188973"/>
                      <a:pt x="138416" y="178794"/>
                    </a:cubicBezTo>
                    <a:cubicBezTo>
                      <a:pt x="134724" y="206513"/>
                      <a:pt x="125365" y="238205"/>
                      <a:pt x="101629" y="239294"/>
                    </a:cubicBezTo>
                    <a:close/>
                    <a:moveTo>
                      <a:pt x="228666" y="174619"/>
                    </a:moveTo>
                    <a:cubicBezTo>
                      <a:pt x="212977" y="174619"/>
                      <a:pt x="200947" y="186178"/>
                      <a:pt x="200947" y="200027"/>
                    </a:cubicBezTo>
                    <a:cubicBezTo>
                      <a:pt x="200947" y="211586"/>
                      <a:pt x="207871" y="220810"/>
                      <a:pt x="217118" y="220810"/>
                    </a:cubicBezTo>
                    <a:cubicBezTo>
                      <a:pt x="220362" y="220810"/>
                      <a:pt x="223571" y="218970"/>
                      <a:pt x="223571" y="214807"/>
                    </a:cubicBezTo>
                    <a:cubicBezTo>
                      <a:pt x="223571" y="208803"/>
                      <a:pt x="215614" y="207344"/>
                      <a:pt x="216232" y="198355"/>
                    </a:cubicBezTo>
                    <a:cubicBezTo>
                      <a:pt x="216624" y="192429"/>
                      <a:pt x="222202" y="188468"/>
                      <a:pt x="227735" y="188468"/>
                    </a:cubicBezTo>
                    <a:cubicBezTo>
                      <a:pt x="238822" y="188468"/>
                      <a:pt x="244007" y="199207"/>
                      <a:pt x="244007" y="210295"/>
                    </a:cubicBezTo>
                    <a:cubicBezTo>
                      <a:pt x="243536" y="227387"/>
                      <a:pt x="230967" y="239282"/>
                      <a:pt x="216187" y="239282"/>
                    </a:cubicBezTo>
                    <a:cubicBezTo>
                      <a:pt x="196783" y="239282"/>
                      <a:pt x="184327" y="220799"/>
                      <a:pt x="184327" y="200924"/>
                    </a:cubicBezTo>
                    <a:cubicBezTo>
                      <a:pt x="184327" y="171365"/>
                      <a:pt x="203719" y="159817"/>
                      <a:pt x="213875" y="157045"/>
                    </a:cubicBezTo>
                    <a:cubicBezTo>
                      <a:pt x="213976" y="157045"/>
                      <a:pt x="240449" y="161770"/>
                      <a:pt x="239619" y="150099"/>
                    </a:cubicBezTo>
                    <a:cubicBezTo>
                      <a:pt x="239260" y="144981"/>
                      <a:pt x="231629" y="143017"/>
                      <a:pt x="226096" y="142782"/>
                    </a:cubicBezTo>
                    <a:cubicBezTo>
                      <a:pt x="219958" y="142535"/>
                      <a:pt x="213796" y="144746"/>
                      <a:pt x="213796" y="144746"/>
                    </a:cubicBezTo>
                    <a:cubicBezTo>
                      <a:pt x="210564" y="143118"/>
                      <a:pt x="208331" y="139942"/>
                      <a:pt x="206962" y="136261"/>
                    </a:cubicBezTo>
                    <a:cubicBezTo>
                      <a:pt x="225894" y="121931"/>
                      <a:pt x="239294" y="108082"/>
                      <a:pt x="239294" y="92371"/>
                    </a:cubicBezTo>
                    <a:cubicBezTo>
                      <a:pt x="239294" y="84055"/>
                      <a:pt x="233750" y="76660"/>
                      <a:pt x="223122" y="76660"/>
                    </a:cubicBezTo>
                    <a:cubicBezTo>
                      <a:pt x="204190" y="76660"/>
                      <a:pt x="189859" y="100675"/>
                      <a:pt x="189859" y="122391"/>
                    </a:cubicBezTo>
                    <a:cubicBezTo>
                      <a:pt x="189859" y="126083"/>
                      <a:pt x="189859" y="129786"/>
                      <a:pt x="190791" y="133018"/>
                    </a:cubicBezTo>
                    <a:cubicBezTo>
                      <a:pt x="178783" y="141794"/>
                      <a:pt x="169850" y="147237"/>
                      <a:pt x="153678" y="156944"/>
                    </a:cubicBezTo>
                    <a:cubicBezTo>
                      <a:pt x="153678" y="154913"/>
                      <a:pt x="154105" y="149717"/>
                      <a:pt x="155463" y="142939"/>
                    </a:cubicBezTo>
                    <a:cubicBezTo>
                      <a:pt x="161007" y="136935"/>
                      <a:pt x="168615" y="127946"/>
                      <a:pt x="168615" y="121010"/>
                    </a:cubicBezTo>
                    <a:cubicBezTo>
                      <a:pt x="168615" y="117778"/>
                      <a:pt x="166775" y="115006"/>
                      <a:pt x="163072" y="115006"/>
                    </a:cubicBezTo>
                    <a:cubicBezTo>
                      <a:pt x="153836" y="115006"/>
                      <a:pt x="146911" y="128855"/>
                      <a:pt x="145060" y="138562"/>
                    </a:cubicBezTo>
                    <a:cubicBezTo>
                      <a:pt x="140896" y="143646"/>
                      <a:pt x="132592" y="150121"/>
                      <a:pt x="125656" y="150121"/>
                    </a:cubicBezTo>
                    <a:cubicBezTo>
                      <a:pt x="120113" y="150121"/>
                      <a:pt x="118272" y="145026"/>
                      <a:pt x="117801" y="143186"/>
                    </a:cubicBezTo>
                    <a:cubicBezTo>
                      <a:pt x="135364" y="137170"/>
                      <a:pt x="157068" y="113155"/>
                      <a:pt x="157068" y="91439"/>
                    </a:cubicBezTo>
                    <a:cubicBezTo>
                      <a:pt x="157068" y="86816"/>
                      <a:pt x="155216" y="76648"/>
                      <a:pt x="141368" y="76648"/>
                    </a:cubicBezTo>
                    <a:cubicBezTo>
                      <a:pt x="120573" y="76648"/>
                      <a:pt x="103021" y="107600"/>
                      <a:pt x="103021" y="131627"/>
                    </a:cubicBezTo>
                    <a:cubicBezTo>
                      <a:pt x="95625" y="131627"/>
                      <a:pt x="92865" y="123771"/>
                      <a:pt x="92865" y="117767"/>
                    </a:cubicBezTo>
                    <a:cubicBezTo>
                      <a:pt x="92865" y="111763"/>
                      <a:pt x="95177" y="105748"/>
                      <a:pt x="95177" y="103907"/>
                    </a:cubicBezTo>
                    <a:cubicBezTo>
                      <a:pt x="95177" y="102067"/>
                      <a:pt x="94245" y="99744"/>
                      <a:pt x="91473" y="99744"/>
                    </a:cubicBezTo>
                    <a:cubicBezTo>
                      <a:pt x="84538" y="99744"/>
                      <a:pt x="80385" y="108980"/>
                      <a:pt x="80385" y="119608"/>
                    </a:cubicBezTo>
                    <a:cubicBezTo>
                      <a:pt x="80857" y="134387"/>
                      <a:pt x="90553" y="143635"/>
                      <a:pt x="103492" y="144555"/>
                    </a:cubicBezTo>
                    <a:cubicBezTo>
                      <a:pt x="105344" y="153331"/>
                      <a:pt x="113200" y="161646"/>
                      <a:pt x="122896" y="161646"/>
                    </a:cubicBezTo>
                    <a:cubicBezTo>
                      <a:pt x="128911" y="161646"/>
                      <a:pt x="136295" y="159806"/>
                      <a:pt x="141379" y="155182"/>
                    </a:cubicBezTo>
                    <a:cubicBezTo>
                      <a:pt x="140907" y="158426"/>
                      <a:pt x="140459" y="161186"/>
                      <a:pt x="139987" y="163958"/>
                    </a:cubicBezTo>
                    <a:cubicBezTo>
                      <a:pt x="119664" y="174586"/>
                      <a:pt x="104884" y="181981"/>
                      <a:pt x="91484" y="193978"/>
                    </a:cubicBezTo>
                    <a:cubicBezTo>
                      <a:pt x="80868" y="203685"/>
                      <a:pt x="74853" y="216613"/>
                      <a:pt x="74853" y="226792"/>
                    </a:cubicBezTo>
                    <a:cubicBezTo>
                      <a:pt x="74853" y="240652"/>
                      <a:pt x="83629" y="253568"/>
                      <a:pt x="101641" y="253568"/>
                    </a:cubicBezTo>
                    <a:cubicBezTo>
                      <a:pt x="122896" y="253568"/>
                      <a:pt x="139056" y="236488"/>
                      <a:pt x="146911" y="212921"/>
                    </a:cubicBezTo>
                    <a:cubicBezTo>
                      <a:pt x="150615" y="201833"/>
                      <a:pt x="152096" y="185707"/>
                      <a:pt x="153016" y="170916"/>
                    </a:cubicBezTo>
                    <a:cubicBezTo>
                      <a:pt x="174271" y="158908"/>
                      <a:pt x="184349" y="151950"/>
                      <a:pt x="195414" y="144095"/>
                    </a:cubicBezTo>
                    <a:cubicBezTo>
                      <a:pt x="196806" y="146406"/>
                      <a:pt x="198209" y="148258"/>
                      <a:pt x="200038" y="149638"/>
                    </a:cubicBezTo>
                    <a:cubicBezTo>
                      <a:pt x="190342" y="154722"/>
                      <a:pt x="167246" y="169042"/>
                      <a:pt x="167246" y="202754"/>
                    </a:cubicBezTo>
                    <a:cubicBezTo>
                      <a:pt x="167246" y="226781"/>
                      <a:pt x="183418" y="253568"/>
                      <a:pt x="215289" y="253568"/>
                    </a:cubicBezTo>
                    <a:cubicBezTo>
                      <a:pt x="241617" y="253568"/>
                      <a:pt x="259640" y="231876"/>
                      <a:pt x="259640" y="211081"/>
                    </a:cubicBezTo>
                    <a:cubicBezTo>
                      <a:pt x="259640" y="192137"/>
                      <a:pt x="249012" y="174586"/>
                      <a:pt x="228677" y="174586"/>
                    </a:cubicBezTo>
                    <a:close/>
                    <a:moveTo>
                      <a:pt x="308086" y="214290"/>
                    </a:moveTo>
                    <a:cubicBezTo>
                      <a:pt x="308008" y="214436"/>
                      <a:pt x="307739" y="214649"/>
                      <a:pt x="307234" y="214470"/>
                    </a:cubicBezTo>
                    <a:cubicBezTo>
                      <a:pt x="306841" y="214324"/>
                      <a:pt x="306717" y="214122"/>
                      <a:pt x="306729" y="213875"/>
                    </a:cubicBezTo>
                    <a:cubicBezTo>
                      <a:pt x="306751" y="213606"/>
                      <a:pt x="312317" y="197176"/>
                      <a:pt x="312284" y="178312"/>
                    </a:cubicBezTo>
                    <a:cubicBezTo>
                      <a:pt x="312216" y="157977"/>
                      <a:pt x="303957" y="145509"/>
                      <a:pt x="293351" y="145509"/>
                    </a:cubicBezTo>
                    <a:cubicBezTo>
                      <a:pt x="286876" y="145509"/>
                      <a:pt x="282264" y="150132"/>
                      <a:pt x="282264" y="157056"/>
                    </a:cubicBezTo>
                    <a:cubicBezTo>
                      <a:pt x="282264" y="169536"/>
                      <a:pt x="297504" y="170456"/>
                      <a:pt x="297504" y="197715"/>
                    </a:cubicBezTo>
                    <a:cubicBezTo>
                      <a:pt x="297504" y="208803"/>
                      <a:pt x="295192" y="219408"/>
                      <a:pt x="291500" y="230978"/>
                    </a:cubicBezTo>
                    <a:cubicBezTo>
                      <a:pt x="274408" y="288717"/>
                      <a:pt x="219890" y="315504"/>
                      <a:pt x="166775" y="315504"/>
                    </a:cubicBezTo>
                    <a:cubicBezTo>
                      <a:pt x="142288" y="315504"/>
                      <a:pt x="124882" y="310477"/>
                      <a:pt x="119697" y="308154"/>
                    </a:cubicBezTo>
                    <a:cubicBezTo>
                      <a:pt x="119484" y="308053"/>
                      <a:pt x="119316" y="307638"/>
                      <a:pt x="119473" y="307234"/>
                    </a:cubicBezTo>
                    <a:cubicBezTo>
                      <a:pt x="119596" y="306908"/>
                      <a:pt x="119955" y="306672"/>
                      <a:pt x="120146" y="306762"/>
                    </a:cubicBezTo>
                    <a:cubicBezTo>
                      <a:pt x="122256" y="307593"/>
                      <a:pt x="137193" y="312284"/>
                      <a:pt x="155665" y="312284"/>
                    </a:cubicBezTo>
                    <a:cubicBezTo>
                      <a:pt x="175988" y="312284"/>
                      <a:pt x="188008" y="303979"/>
                      <a:pt x="188008" y="293789"/>
                    </a:cubicBezTo>
                    <a:cubicBezTo>
                      <a:pt x="188008" y="287336"/>
                      <a:pt x="182924" y="282253"/>
                      <a:pt x="176449" y="282253"/>
                    </a:cubicBezTo>
                    <a:cubicBezTo>
                      <a:pt x="163981" y="282253"/>
                      <a:pt x="163049" y="297953"/>
                      <a:pt x="136261" y="297953"/>
                    </a:cubicBezTo>
                    <a:cubicBezTo>
                      <a:pt x="124714" y="297953"/>
                      <a:pt x="114557" y="295652"/>
                      <a:pt x="102538" y="291949"/>
                    </a:cubicBezTo>
                    <a:cubicBezTo>
                      <a:pt x="45260" y="274397"/>
                      <a:pt x="17956" y="220339"/>
                      <a:pt x="18001" y="166753"/>
                    </a:cubicBezTo>
                    <a:cubicBezTo>
                      <a:pt x="18023" y="140661"/>
                      <a:pt x="25329" y="119877"/>
                      <a:pt x="25452" y="119675"/>
                    </a:cubicBezTo>
                    <a:cubicBezTo>
                      <a:pt x="25542" y="119540"/>
                      <a:pt x="25867" y="119394"/>
                      <a:pt x="26271" y="119540"/>
                    </a:cubicBezTo>
                    <a:cubicBezTo>
                      <a:pt x="26687" y="119675"/>
                      <a:pt x="26799" y="120034"/>
                      <a:pt x="26754" y="120135"/>
                    </a:cubicBezTo>
                    <a:cubicBezTo>
                      <a:pt x="26081" y="122301"/>
                      <a:pt x="21233" y="137193"/>
                      <a:pt x="21233" y="155665"/>
                    </a:cubicBezTo>
                    <a:cubicBezTo>
                      <a:pt x="21233" y="176000"/>
                      <a:pt x="29548" y="188008"/>
                      <a:pt x="40165" y="188008"/>
                    </a:cubicBezTo>
                    <a:cubicBezTo>
                      <a:pt x="46169" y="188008"/>
                      <a:pt x="51252" y="183384"/>
                      <a:pt x="51252" y="176931"/>
                    </a:cubicBezTo>
                    <a:cubicBezTo>
                      <a:pt x="51252" y="164452"/>
                      <a:pt x="36012" y="163072"/>
                      <a:pt x="36012" y="136273"/>
                    </a:cubicBezTo>
                    <a:cubicBezTo>
                      <a:pt x="36012" y="124714"/>
                      <a:pt x="38324" y="114557"/>
                      <a:pt x="42016" y="102550"/>
                    </a:cubicBezTo>
                    <a:cubicBezTo>
                      <a:pt x="59591" y="45271"/>
                      <a:pt x="113637" y="18427"/>
                      <a:pt x="166775" y="18012"/>
                    </a:cubicBezTo>
                    <a:cubicBezTo>
                      <a:pt x="191464" y="17821"/>
                      <a:pt x="213078" y="25205"/>
                      <a:pt x="213886" y="25856"/>
                    </a:cubicBezTo>
                    <a:cubicBezTo>
                      <a:pt x="214032" y="25980"/>
                      <a:pt x="214189" y="26305"/>
                      <a:pt x="214032" y="26687"/>
                    </a:cubicBezTo>
                    <a:cubicBezTo>
                      <a:pt x="213864" y="27113"/>
                      <a:pt x="213572" y="27169"/>
                      <a:pt x="213426" y="27147"/>
                    </a:cubicBezTo>
                    <a:cubicBezTo>
                      <a:pt x="213168" y="27113"/>
                      <a:pt x="199118" y="21244"/>
                      <a:pt x="177851" y="21244"/>
                    </a:cubicBezTo>
                    <a:cubicBezTo>
                      <a:pt x="157999" y="21244"/>
                      <a:pt x="145531" y="29548"/>
                      <a:pt x="145531" y="40187"/>
                    </a:cubicBezTo>
                    <a:cubicBezTo>
                      <a:pt x="145531" y="46191"/>
                      <a:pt x="150143" y="51264"/>
                      <a:pt x="157068" y="51264"/>
                    </a:cubicBezTo>
                    <a:cubicBezTo>
                      <a:pt x="169547" y="51264"/>
                      <a:pt x="170478" y="36024"/>
                      <a:pt x="197255" y="36024"/>
                    </a:cubicBezTo>
                    <a:cubicBezTo>
                      <a:pt x="208814" y="36024"/>
                      <a:pt x="218959" y="38335"/>
                      <a:pt x="230978" y="42028"/>
                    </a:cubicBezTo>
                    <a:cubicBezTo>
                      <a:pt x="288739" y="59579"/>
                      <a:pt x="315022" y="114097"/>
                      <a:pt x="315516" y="166753"/>
                    </a:cubicBezTo>
                    <a:cubicBezTo>
                      <a:pt x="315774" y="193731"/>
                      <a:pt x="308165" y="214156"/>
                      <a:pt x="308098" y="214290"/>
                    </a:cubicBezTo>
                    <a:close/>
                    <a:moveTo>
                      <a:pt x="166775" y="7844"/>
                    </a:moveTo>
                    <a:cubicBezTo>
                      <a:pt x="79005" y="7844"/>
                      <a:pt x="7844" y="78994"/>
                      <a:pt x="7844" y="166764"/>
                    </a:cubicBezTo>
                    <a:cubicBezTo>
                      <a:pt x="7844" y="254534"/>
                      <a:pt x="78994" y="325672"/>
                      <a:pt x="166775" y="325672"/>
                    </a:cubicBezTo>
                    <a:cubicBezTo>
                      <a:pt x="254556" y="325672"/>
                      <a:pt x="325672" y="254545"/>
                      <a:pt x="325672" y="166764"/>
                    </a:cubicBezTo>
                    <a:cubicBezTo>
                      <a:pt x="325672" y="78983"/>
                      <a:pt x="254533" y="7844"/>
                      <a:pt x="166775" y="7844"/>
                    </a:cubicBezTo>
                    <a:close/>
                    <a:moveTo>
                      <a:pt x="166775" y="333527"/>
                    </a:moveTo>
                    <a:cubicBezTo>
                      <a:pt x="74830" y="333527"/>
                      <a:pt x="0" y="259157"/>
                      <a:pt x="0" y="166764"/>
                    </a:cubicBezTo>
                    <a:cubicBezTo>
                      <a:pt x="0" y="74370"/>
                      <a:pt x="74830" y="0"/>
                      <a:pt x="166775" y="0"/>
                    </a:cubicBezTo>
                    <a:cubicBezTo>
                      <a:pt x="258719" y="0"/>
                      <a:pt x="333539" y="74830"/>
                      <a:pt x="333539" y="166764"/>
                    </a:cubicBezTo>
                    <a:cubicBezTo>
                      <a:pt x="333539" y="258697"/>
                      <a:pt x="258686" y="333527"/>
                      <a:pt x="166775" y="333527"/>
                    </a:cubicBezTo>
                    <a:close/>
                  </a:path>
                </a:pathLst>
              </a:custGeom>
              <a:solidFill>
                <a:schemeClr val="tx1"/>
              </a:solidFill>
              <a:ln w="1117"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grpSp>
            <p:nvGrpSpPr>
              <p:cNvPr id="298" name="Graphic 61">
                <a:extLst>
                  <a:ext uri="{FF2B5EF4-FFF2-40B4-BE49-F238E27FC236}">
                    <a16:creationId xmlns:a16="http://schemas.microsoft.com/office/drawing/2014/main" id="{225FAC86-AC74-58FA-C5F7-D2B20922D5D9}"/>
                  </a:ext>
                </a:extLst>
              </p:cNvPr>
              <p:cNvGrpSpPr/>
              <p:nvPr/>
            </p:nvGrpSpPr>
            <p:grpSpPr>
              <a:xfrm>
                <a:off x="4664456" y="1770744"/>
                <a:ext cx="925487" cy="279748"/>
                <a:chOff x="4445461" y="1598799"/>
                <a:chExt cx="1018036" cy="307723"/>
              </a:xfrm>
              <a:solidFill>
                <a:srgbClr val="005386"/>
              </a:solidFill>
            </p:grpSpPr>
            <p:sp>
              <p:nvSpPr>
                <p:cNvPr id="299" name="Freeform: Shape 298">
                  <a:extLst>
                    <a:ext uri="{FF2B5EF4-FFF2-40B4-BE49-F238E27FC236}">
                      <a16:creationId xmlns:a16="http://schemas.microsoft.com/office/drawing/2014/main" id="{31469BC7-6032-7AB0-04C0-3613E5417763}"/>
                    </a:ext>
                  </a:extLst>
                </p:cNvPr>
                <p:cNvSpPr/>
                <p:nvPr/>
              </p:nvSpPr>
              <p:spPr>
                <a:xfrm>
                  <a:off x="4539545" y="1598799"/>
                  <a:ext cx="113632" cy="126782"/>
                </a:xfrm>
                <a:custGeom>
                  <a:avLst/>
                  <a:gdLst>
                    <a:gd name="connsiteX0" fmla="*/ 48605 w 113632"/>
                    <a:gd name="connsiteY0" fmla="*/ 100 h 126782"/>
                    <a:gd name="connsiteX1" fmla="*/ 112423 w 113632"/>
                    <a:gd name="connsiteY1" fmla="*/ 22960 h 126782"/>
                    <a:gd name="connsiteX2" fmla="*/ 31460 w 113632"/>
                    <a:gd name="connsiteY2" fmla="*/ 120115 h 126782"/>
                    <a:gd name="connsiteX3" fmla="*/ 12410 w 113632"/>
                    <a:gd name="connsiteY3" fmla="*/ 126783 h 126782"/>
                    <a:gd name="connsiteX4" fmla="*/ 10505 w 113632"/>
                    <a:gd name="connsiteY4" fmla="*/ 122020 h 126782"/>
                    <a:gd name="connsiteX5" fmla="*/ 27650 w 113632"/>
                    <a:gd name="connsiteY5" fmla="*/ 104875 h 126782"/>
                    <a:gd name="connsiteX6" fmla="*/ 81943 w 113632"/>
                    <a:gd name="connsiteY6" fmla="*/ 29628 h 126782"/>
                    <a:gd name="connsiteX7" fmla="*/ 26698 w 113632"/>
                    <a:gd name="connsiteY7" fmla="*/ 17245 h 126782"/>
                    <a:gd name="connsiteX8" fmla="*/ 28 w 113632"/>
                    <a:gd name="connsiteY8" fmla="*/ 12483 h 126782"/>
                    <a:gd name="connsiteX9" fmla="*/ 48605 w 113632"/>
                    <a:gd name="connsiteY9" fmla="*/ 100 h 12678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13632" h="126782">
                      <a:moveTo>
                        <a:pt x="48605" y="100"/>
                      </a:moveTo>
                      <a:cubicBezTo>
                        <a:pt x="75275" y="-852"/>
                        <a:pt x="106708" y="4863"/>
                        <a:pt x="112423" y="22960"/>
                      </a:cubicBezTo>
                      <a:cubicBezTo>
                        <a:pt x="121948" y="53440"/>
                        <a:pt x="73370" y="98208"/>
                        <a:pt x="31460" y="120115"/>
                      </a:cubicBezTo>
                      <a:cubicBezTo>
                        <a:pt x="20983" y="125830"/>
                        <a:pt x="15268" y="126783"/>
                        <a:pt x="12410" y="126783"/>
                      </a:cubicBezTo>
                      <a:cubicBezTo>
                        <a:pt x="9553" y="126783"/>
                        <a:pt x="9553" y="123925"/>
                        <a:pt x="10505" y="122020"/>
                      </a:cubicBezTo>
                      <a:cubicBezTo>
                        <a:pt x="12410" y="119163"/>
                        <a:pt x="19078" y="112495"/>
                        <a:pt x="27650" y="104875"/>
                      </a:cubicBezTo>
                      <a:cubicBezTo>
                        <a:pt x="75275" y="67728"/>
                        <a:pt x="90515" y="40105"/>
                        <a:pt x="81943" y="29628"/>
                      </a:cubicBezTo>
                      <a:cubicBezTo>
                        <a:pt x="76228" y="22960"/>
                        <a:pt x="52415" y="17245"/>
                        <a:pt x="26698" y="17245"/>
                      </a:cubicBezTo>
                      <a:cubicBezTo>
                        <a:pt x="20030" y="17245"/>
                        <a:pt x="1933" y="19150"/>
                        <a:pt x="28" y="12483"/>
                      </a:cubicBezTo>
                      <a:cubicBezTo>
                        <a:pt x="-925" y="7720"/>
                        <a:pt x="22888" y="1053"/>
                        <a:pt x="48605" y="100"/>
                      </a:cubicBezTo>
                    </a:path>
                  </a:pathLst>
                </a:custGeom>
                <a:solidFill>
                  <a:srgbClr val="005386"/>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300" name="Freeform: Shape 299">
                  <a:extLst>
                    <a:ext uri="{FF2B5EF4-FFF2-40B4-BE49-F238E27FC236}">
                      <a16:creationId xmlns:a16="http://schemas.microsoft.com/office/drawing/2014/main" id="{7A0E2847-EF94-4DE6-5122-DD1876756F05}"/>
                    </a:ext>
                  </a:extLst>
                </p:cNvPr>
                <p:cNvSpPr/>
                <p:nvPr/>
              </p:nvSpPr>
              <p:spPr>
                <a:xfrm>
                  <a:off x="4445461" y="1739729"/>
                  <a:ext cx="163904" cy="166793"/>
                </a:xfrm>
                <a:custGeom>
                  <a:avLst/>
                  <a:gdLst>
                    <a:gd name="connsiteX0" fmla="*/ 87444 w 163904"/>
                    <a:gd name="connsiteY0" fmla="*/ 140 h 166793"/>
                    <a:gd name="connsiteX1" fmla="*/ 153167 w 163904"/>
                    <a:gd name="connsiteY1" fmla="*/ 14428 h 166793"/>
                    <a:gd name="connsiteX2" fmla="*/ 162692 w 163904"/>
                    <a:gd name="connsiteY2" fmla="*/ 43955 h 166793"/>
                    <a:gd name="connsiteX3" fmla="*/ 46487 w 163904"/>
                    <a:gd name="connsiteY3" fmla="*/ 154445 h 166793"/>
                    <a:gd name="connsiteX4" fmla="*/ 767 w 163904"/>
                    <a:gd name="connsiteY4" fmla="*/ 165875 h 166793"/>
                    <a:gd name="connsiteX5" fmla="*/ 12197 w 163904"/>
                    <a:gd name="connsiteY5" fmla="*/ 131585 h 166793"/>
                    <a:gd name="connsiteX6" fmla="*/ 53154 w 163904"/>
                    <a:gd name="connsiteY6" fmla="*/ 60148 h 166793"/>
                    <a:gd name="connsiteX7" fmla="*/ 74109 w 163904"/>
                    <a:gd name="connsiteY7" fmla="*/ 39193 h 166793"/>
                    <a:gd name="connsiteX8" fmla="*/ 67442 w 163904"/>
                    <a:gd name="connsiteY8" fmla="*/ 64910 h 166793"/>
                    <a:gd name="connsiteX9" fmla="*/ 42677 w 163904"/>
                    <a:gd name="connsiteY9" fmla="*/ 128728 h 166793"/>
                    <a:gd name="connsiteX10" fmla="*/ 129354 w 163904"/>
                    <a:gd name="connsiteY10" fmla="*/ 38240 h 166793"/>
                    <a:gd name="connsiteX11" fmla="*/ 66489 w 163904"/>
                    <a:gd name="connsiteY11" fmla="*/ 21095 h 166793"/>
                    <a:gd name="connsiteX12" fmla="*/ 33152 w 163904"/>
                    <a:gd name="connsiteY12" fmla="*/ 15380 h 166793"/>
                    <a:gd name="connsiteX13" fmla="*/ 87444 w 163904"/>
                    <a:gd name="connsiteY13" fmla="*/ 140 h 16679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l="l" t="t" r="r" b="b"/>
                  <a:pathLst>
                    <a:path w="163904" h="166793">
                      <a:moveTo>
                        <a:pt x="87444" y="140"/>
                      </a:moveTo>
                      <a:cubicBezTo>
                        <a:pt x="110304" y="-812"/>
                        <a:pt x="137927" y="2998"/>
                        <a:pt x="153167" y="14428"/>
                      </a:cubicBezTo>
                      <a:cubicBezTo>
                        <a:pt x="160787" y="20143"/>
                        <a:pt x="166502" y="31573"/>
                        <a:pt x="162692" y="43955"/>
                      </a:cubicBezTo>
                      <a:cubicBezTo>
                        <a:pt x="154119" y="79198"/>
                        <a:pt x="120782" y="122060"/>
                        <a:pt x="46487" y="154445"/>
                      </a:cubicBezTo>
                      <a:cubicBezTo>
                        <a:pt x="22674" y="164923"/>
                        <a:pt x="4577" y="168733"/>
                        <a:pt x="767" y="165875"/>
                      </a:cubicBezTo>
                      <a:cubicBezTo>
                        <a:pt x="-3043" y="163018"/>
                        <a:pt x="8387" y="139205"/>
                        <a:pt x="12197" y="131585"/>
                      </a:cubicBezTo>
                      <a:cubicBezTo>
                        <a:pt x="23627" y="106820"/>
                        <a:pt x="38867" y="82055"/>
                        <a:pt x="53154" y="60148"/>
                      </a:cubicBezTo>
                      <a:cubicBezTo>
                        <a:pt x="58869" y="51575"/>
                        <a:pt x="66489" y="37288"/>
                        <a:pt x="74109" y="39193"/>
                      </a:cubicBezTo>
                      <a:cubicBezTo>
                        <a:pt x="80777" y="40145"/>
                        <a:pt x="73157" y="55385"/>
                        <a:pt x="67442" y="64910"/>
                      </a:cubicBezTo>
                      <a:cubicBezTo>
                        <a:pt x="58869" y="81103"/>
                        <a:pt x="35057" y="125870"/>
                        <a:pt x="42677" y="128728"/>
                      </a:cubicBezTo>
                      <a:cubicBezTo>
                        <a:pt x="59822" y="134443"/>
                        <a:pt x="140784" y="72530"/>
                        <a:pt x="129354" y="38240"/>
                      </a:cubicBezTo>
                      <a:cubicBezTo>
                        <a:pt x="123639" y="22048"/>
                        <a:pt x="88397" y="21095"/>
                        <a:pt x="66489" y="21095"/>
                      </a:cubicBezTo>
                      <a:cubicBezTo>
                        <a:pt x="56012" y="21095"/>
                        <a:pt x="34104" y="23953"/>
                        <a:pt x="33152" y="15380"/>
                      </a:cubicBezTo>
                      <a:cubicBezTo>
                        <a:pt x="32199" y="8713"/>
                        <a:pt x="66489" y="1093"/>
                        <a:pt x="87444" y="140"/>
                      </a:cubicBezTo>
                    </a:path>
                  </a:pathLst>
                </a:custGeom>
                <a:solidFill>
                  <a:srgbClr val="005386"/>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301" name="Freeform: Shape 300">
                  <a:extLst>
                    <a:ext uri="{FF2B5EF4-FFF2-40B4-BE49-F238E27FC236}">
                      <a16:creationId xmlns:a16="http://schemas.microsoft.com/office/drawing/2014/main" id="{A30F89DE-0AA6-9AC8-DED2-B9061FC3C6A0}"/>
                    </a:ext>
                  </a:extLst>
                </p:cNvPr>
                <p:cNvSpPr/>
                <p:nvPr/>
              </p:nvSpPr>
              <p:spPr>
                <a:xfrm>
                  <a:off x="4583845" y="1699052"/>
                  <a:ext cx="152296" cy="174167"/>
                </a:xfrm>
                <a:custGeom>
                  <a:avLst/>
                  <a:gdLst>
                    <a:gd name="connsiteX0" fmla="*/ 124321 w 152296"/>
                    <a:gd name="connsiteY0" fmla="*/ 2717 h 174167"/>
                    <a:gd name="connsiteX1" fmla="*/ 151943 w 152296"/>
                    <a:gd name="connsiteY1" fmla="*/ 13195 h 174167"/>
                    <a:gd name="connsiteX2" fmla="*/ 132893 w 152296"/>
                    <a:gd name="connsiteY2" fmla="*/ 19862 h 174167"/>
                    <a:gd name="connsiteX3" fmla="*/ 73838 w 152296"/>
                    <a:gd name="connsiteY3" fmla="*/ 33197 h 174167"/>
                    <a:gd name="connsiteX4" fmla="*/ 105271 w 152296"/>
                    <a:gd name="connsiteY4" fmla="*/ 86537 h 174167"/>
                    <a:gd name="connsiteX5" fmla="*/ 132893 w 152296"/>
                    <a:gd name="connsiteY5" fmla="*/ 145592 h 174167"/>
                    <a:gd name="connsiteX6" fmla="*/ 70981 w 152296"/>
                    <a:gd name="connsiteY6" fmla="*/ 174167 h 174167"/>
                    <a:gd name="connsiteX7" fmla="*/ 10021 w 152296"/>
                    <a:gd name="connsiteY7" fmla="*/ 168452 h 174167"/>
                    <a:gd name="connsiteX8" fmla="*/ 2401 w 152296"/>
                    <a:gd name="connsiteY8" fmla="*/ 157975 h 174167"/>
                    <a:gd name="connsiteX9" fmla="*/ 43358 w 152296"/>
                    <a:gd name="connsiteY9" fmla="*/ 155117 h 174167"/>
                    <a:gd name="connsiteX10" fmla="*/ 97651 w 152296"/>
                    <a:gd name="connsiteY10" fmla="*/ 143687 h 174167"/>
                    <a:gd name="connsiteX11" fmla="*/ 71933 w 152296"/>
                    <a:gd name="connsiteY11" fmla="*/ 92252 h 174167"/>
                    <a:gd name="connsiteX12" fmla="*/ 42406 w 152296"/>
                    <a:gd name="connsiteY12" fmla="*/ 20815 h 174167"/>
                    <a:gd name="connsiteX13" fmla="*/ 124321 w 152296"/>
                    <a:gd name="connsiteY13" fmla="*/ 2717 h 17416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l="l" t="t" r="r" b="b"/>
                  <a:pathLst>
                    <a:path w="152296" h="174167">
                      <a:moveTo>
                        <a:pt x="124321" y="2717"/>
                      </a:moveTo>
                      <a:cubicBezTo>
                        <a:pt x="137656" y="5575"/>
                        <a:pt x="149086" y="7480"/>
                        <a:pt x="151943" y="13195"/>
                      </a:cubicBezTo>
                      <a:cubicBezTo>
                        <a:pt x="154801" y="19862"/>
                        <a:pt x="139561" y="19862"/>
                        <a:pt x="132893" y="19862"/>
                      </a:cubicBezTo>
                      <a:cubicBezTo>
                        <a:pt x="96698" y="20815"/>
                        <a:pt x="75743" y="20815"/>
                        <a:pt x="73838" y="33197"/>
                      </a:cubicBezTo>
                      <a:cubicBezTo>
                        <a:pt x="72886" y="48437"/>
                        <a:pt x="89078" y="64630"/>
                        <a:pt x="105271" y="86537"/>
                      </a:cubicBezTo>
                      <a:cubicBezTo>
                        <a:pt x="120511" y="106540"/>
                        <a:pt x="137656" y="126542"/>
                        <a:pt x="132893" y="145592"/>
                      </a:cubicBezTo>
                      <a:cubicBezTo>
                        <a:pt x="127178" y="168452"/>
                        <a:pt x="98603" y="174167"/>
                        <a:pt x="70981" y="174167"/>
                      </a:cubicBezTo>
                      <a:cubicBezTo>
                        <a:pt x="45263" y="174167"/>
                        <a:pt x="20498" y="170357"/>
                        <a:pt x="10021" y="168452"/>
                      </a:cubicBezTo>
                      <a:cubicBezTo>
                        <a:pt x="-3314" y="165595"/>
                        <a:pt x="-457" y="159880"/>
                        <a:pt x="2401" y="157975"/>
                      </a:cubicBezTo>
                      <a:cubicBezTo>
                        <a:pt x="6211" y="156070"/>
                        <a:pt x="28118" y="156070"/>
                        <a:pt x="43358" y="155117"/>
                      </a:cubicBezTo>
                      <a:cubicBezTo>
                        <a:pt x="55741" y="153212"/>
                        <a:pt x="91936" y="153212"/>
                        <a:pt x="97651" y="143687"/>
                      </a:cubicBezTo>
                      <a:cubicBezTo>
                        <a:pt x="104318" y="132257"/>
                        <a:pt x="87173" y="113207"/>
                        <a:pt x="71933" y="92252"/>
                      </a:cubicBezTo>
                      <a:cubicBezTo>
                        <a:pt x="52883" y="66535"/>
                        <a:pt x="30976" y="40817"/>
                        <a:pt x="42406" y="20815"/>
                      </a:cubicBezTo>
                      <a:cubicBezTo>
                        <a:pt x="57646" y="-2998"/>
                        <a:pt x="100508" y="-2045"/>
                        <a:pt x="124321" y="2717"/>
                      </a:cubicBezTo>
                    </a:path>
                  </a:pathLst>
                </a:custGeom>
                <a:solidFill>
                  <a:srgbClr val="005386"/>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302" name="Freeform: Shape 301">
                  <a:extLst>
                    <a:ext uri="{FF2B5EF4-FFF2-40B4-BE49-F238E27FC236}">
                      <a16:creationId xmlns:a16="http://schemas.microsoft.com/office/drawing/2014/main" id="{68D2F5F7-9288-180E-7C89-864B000259BE}"/>
                    </a:ext>
                  </a:extLst>
                </p:cNvPr>
                <p:cNvSpPr/>
                <p:nvPr/>
              </p:nvSpPr>
              <p:spPr>
                <a:xfrm>
                  <a:off x="4767221" y="1698912"/>
                  <a:ext cx="696277" cy="168592"/>
                </a:xfrm>
                <a:custGeom>
                  <a:avLst/>
                  <a:gdLst>
                    <a:gd name="connsiteX0" fmla="*/ 501015 w 696277"/>
                    <a:gd name="connsiteY0" fmla="*/ 72390 h 168592"/>
                    <a:gd name="connsiteX1" fmla="*/ 545783 w 696277"/>
                    <a:gd name="connsiteY1" fmla="*/ 40005 h 168592"/>
                    <a:gd name="connsiteX2" fmla="*/ 552450 w 696277"/>
                    <a:gd name="connsiteY2" fmla="*/ 4763 h 168592"/>
                    <a:gd name="connsiteX3" fmla="*/ 549593 w 696277"/>
                    <a:gd name="connsiteY3" fmla="*/ 1905 h 168592"/>
                    <a:gd name="connsiteX4" fmla="*/ 535305 w 696277"/>
                    <a:gd name="connsiteY4" fmla="*/ 1905 h 168592"/>
                    <a:gd name="connsiteX5" fmla="*/ 531495 w 696277"/>
                    <a:gd name="connsiteY5" fmla="*/ 21908 h 168592"/>
                    <a:gd name="connsiteX6" fmla="*/ 529590 w 696277"/>
                    <a:gd name="connsiteY6" fmla="*/ 32385 h 168592"/>
                    <a:gd name="connsiteX7" fmla="*/ 527685 w 696277"/>
                    <a:gd name="connsiteY7" fmla="*/ 41910 h 168592"/>
                    <a:gd name="connsiteX8" fmla="*/ 502920 w 696277"/>
                    <a:gd name="connsiteY8" fmla="*/ 60960 h 168592"/>
                    <a:gd name="connsiteX9" fmla="*/ 485775 w 696277"/>
                    <a:gd name="connsiteY9" fmla="*/ 41910 h 168592"/>
                    <a:gd name="connsiteX10" fmla="*/ 486728 w 696277"/>
                    <a:gd name="connsiteY10" fmla="*/ 38100 h 168592"/>
                    <a:gd name="connsiteX11" fmla="*/ 489585 w 696277"/>
                    <a:gd name="connsiteY11" fmla="*/ 21908 h 168592"/>
                    <a:gd name="connsiteX12" fmla="*/ 493395 w 696277"/>
                    <a:gd name="connsiteY12" fmla="*/ 1905 h 168592"/>
                    <a:gd name="connsiteX13" fmla="*/ 479108 w 696277"/>
                    <a:gd name="connsiteY13" fmla="*/ 1905 h 168592"/>
                    <a:gd name="connsiteX14" fmla="*/ 475298 w 696277"/>
                    <a:gd name="connsiteY14" fmla="*/ 4763 h 168592"/>
                    <a:gd name="connsiteX15" fmla="*/ 468630 w 696277"/>
                    <a:gd name="connsiteY15" fmla="*/ 40005 h 168592"/>
                    <a:gd name="connsiteX16" fmla="*/ 501015 w 696277"/>
                    <a:gd name="connsiteY16" fmla="*/ 72390 h 168592"/>
                    <a:gd name="connsiteX17" fmla="*/ 501015 w 696277"/>
                    <a:gd name="connsiteY17" fmla="*/ 72390 h 168592"/>
                    <a:gd name="connsiteX18" fmla="*/ 10477 w 696277"/>
                    <a:gd name="connsiteY18" fmla="*/ 111443 h 168592"/>
                    <a:gd name="connsiteX19" fmla="*/ 31432 w 696277"/>
                    <a:gd name="connsiteY19" fmla="*/ 135255 h 168592"/>
                    <a:gd name="connsiteX20" fmla="*/ 50482 w 696277"/>
                    <a:gd name="connsiteY20" fmla="*/ 152400 h 168592"/>
                    <a:gd name="connsiteX21" fmla="*/ 37148 w 696277"/>
                    <a:gd name="connsiteY21" fmla="*/ 157163 h 168592"/>
                    <a:gd name="connsiteX22" fmla="*/ 6668 w 696277"/>
                    <a:gd name="connsiteY22" fmla="*/ 157163 h 168592"/>
                    <a:gd name="connsiteX23" fmla="*/ 952 w 696277"/>
                    <a:gd name="connsiteY23" fmla="*/ 161925 h 168592"/>
                    <a:gd name="connsiteX24" fmla="*/ 0 w 696277"/>
                    <a:gd name="connsiteY24" fmla="*/ 167640 h 168592"/>
                    <a:gd name="connsiteX25" fmla="*/ 38100 w 696277"/>
                    <a:gd name="connsiteY25" fmla="*/ 167640 h 168592"/>
                    <a:gd name="connsiteX26" fmla="*/ 70485 w 696277"/>
                    <a:gd name="connsiteY26" fmla="*/ 156210 h 168592"/>
                    <a:gd name="connsiteX27" fmla="*/ 67627 w 696277"/>
                    <a:gd name="connsiteY27" fmla="*/ 140018 h 168592"/>
                    <a:gd name="connsiteX28" fmla="*/ 57150 w 696277"/>
                    <a:gd name="connsiteY28" fmla="*/ 132398 h 168592"/>
                    <a:gd name="connsiteX29" fmla="*/ 30480 w 696277"/>
                    <a:gd name="connsiteY29" fmla="*/ 112395 h 168592"/>
                    <a:gd name="connsiteX30" fmla="*/ 41910 w 696277"/>
                    <a:gd name="connsiteY30" fmla="*/ 108585 h 168592"/>
                    <a:gd name="connsiteX31" fmla="*/ 67627 w 696277"/>
                    <a:gd name="connsiteY31" fmla="*/ 108585 h 168592"/>
                    <a:gd name="connsiteX32" fmla="*/ 73343 w 696277"/>
                    <a:gd name="connsiteY32" fmla="*/ 103823 h 168592"/>
                    <a:gd name="connsiteX33" fmla="*/ 74295 w 696277"/>
                    <a:gd name="connsiteY33" fmla="*/ 97155 h 168592"/>
                    <a:gd name="connsiteX34" fmla="*/ 41910 w 696277"/>
                    <a:gd name="connsiteY34" fmla="*/ 97155 h 168592"/>
                    <a:gd name="connsiteX35" fmla="*/ 10477 w 696277"/>
                    <a:gd name="connsiteY35" fmla="*/ 111443 h 168592"/>
                    <a:gd name="connsiteX36" fmla="*/ 10477 w 696277"/>
                    <a:gd name="connsiteY36" fmla="*/ 111443 h 168592"/>
                    <a:gd name="connsiteX37" fmla="*/ 180023 w 696277"/>
                    <a:gd name="connsiteY37" fmla="*/ 111443 h 168592"/>
                    <a:gd name="connsiteX38" fmla="*/ 200977 w 696277"/>
                    <a:gd name="connsiteY38" fmla="*/ 135255 h 168592"/>
                    <a:gd name="connsiteX39" fmla="*/ 220027 w 696277"/>
                    <a:gd name="connsiteY39" fmla="*/ 152400 h 168592"/>
                    <a:gd name="connsiteX40" fmla="*/ 206693 w 696277"/>
                    <a:gd name="connsiteY40" fmla="*/ 157163 h 168592"/>
                    <a:gd name="connsiteX41" fmla="*/ 176213 w 696277"/>
                    <a:gd name="connsiteY41" fmla="*/ 157163 h 168592"/>
                    <a:gd name="connsiteX42" fmla="*/ 170498 w 696277"/>
                    <a:gd name="connsiteY42" fmla="*/ 161925 h 168592"/>
                    <a:gd name="connsiteX43" fmla="*/ 169545 w 696277"/>
                    <a:gd name="connsiteY43" fmla="*/ 168593 h 168592"/>
                    <a:gd name="connsiteX44" fmla="*/ 207645 w 696277"/>
                    <a:gd name="connsiteY44" fmla="*/ 168593 h 168592"/>
                    <a:gd name="connsiteX45" fmla="*/ 240030 w 696277"/>
                    <a:gd name="connsiteY45" fmla="*/ 157163 h 168592"/>
                    <a:gd name="connsiteX46" fmla="*/ 237173 w 696277"/>
                    <a:gd name="connsiteY46" fmla="*/ 140970 h 168592"/>
                    <a:gd name="connsiteX47" fmla="*/ 226695 w 696277"/>
                    <a:gd name="connsiteY47" fmla="*/ 133350 h 168592"/>
                    <a:gd name="connsiteX48" fmla="*/ 200025 w 696277"/>
                    <a:gd name="connsiteY48" fmla="*/ 113348 h 168592"/>
                    <a:gd name="connsiteX49" fmla="*/ 211455 w 696277"/>
                    <a:gd name="connsiteY49" fmla="*/ 109538 h 168592"/>
                    <a:gd name="connsiteX50" fmla="*/ 237173 w 696277"/>
                    <a:gd name="connsiteY50" fmla="*/ 109538 h 168592"/>
                    <a:gd name="connsiteX51" fmla="*/ 242888 w 696277"/>
                    <a:gd name="connsiteY51" fmla="*/ 104775 h 168592"/>
                    <a:gd name="connsiteX52" fmla="*/ 243840 w 696277"/>
                    <a:gd name="connsiteY52" fmla="*/ 98108 h 168592"/>
                    <a:gd name="connsiteX53" fmla="*/ 211455 w 696277"/>
                    <a:gd name="connsiteY53" fmla="*/ 98108 h 168592"/>
                    <a:gd name="connsiteX54" fmla="*/ 180023 w 696277"/>
                    <a:gd name="connsiteY54" fmla="*/ 111443 h 168592"/>
                    <a:gd name="connsiteX55" fmla="*/ 180023 w 696277"/>
                    <a:gd name="connsiteY55" fmla="*/ 111443 h 168592"/>
                    <a:gd name="connsiteX56" fmla="*/ 607695 w 696277"/>
                    <a:gd name="connsiteY56" fmla="*/ 111443 h 168592"/>
                    <a:gd name="connsiteX57" fmla="*/ 628650 w 696277"/>
                    <a:gd name="connsiteY57" fmla="*/ 135255 h 168592"/>
                    <a:gd name="connsiteX58" fmla="*/ 647700 w 696277"/>
                    <a:gd name="connsiteY58" fmla="*/ 152400 h 168592"/>
                    <a:gd name="connsiteX59" fmla="*/ 634365 w 696277"/>
                    <a:gd name="connsiteY59" fmla="*/ 157163 h 168592"/>
                    <a:gd name="connsiteX60" fmla="*/ 603885 w 696277"/>
                    <a:gd name="connsiteY60" fmla="*/ 157163 h 168592"/>
                    <a:gd name="connsiteX61" fmla="*/ 598170 w 696277"/>
                    <a:gd name="connsiteY61" fmla="*/ 161925 h 168592"/>
                    <a:gd name="connsiteX62" fmla="*/ 597218 w 696277"/>
                    <a:gd name="connsiteY62" fmla="*/ 168593 h 168592"/>
                    <a:gd name="connsiteX63" fmla="*/ 635318 w 696277"/>
                    <a:gd name="connsiteY63" fmla="*/ 168593 h 168592"/>
                    <a:gd name="connsiteX64" fmla="*/ 667703 w 696277"/>
                    <a:gd name="connsiteY64" fmla="*/ 157163 h 168592"/>
                    <a:gd name="connsiteX65" fmla="*/ 664845 w 696277"/>
                    <a:gd name="connsiteY65" fmla="*/ 140970 h 168592"/>
                    <a:gd name="connsiteX66" fmla="*/ 654368 w 696277"/>
                    <a:gd name="connsiteY66" fmla="*/ 133350 h 168592"/>
                    <a:gd name="connsiteX67" fmla="*/ 627698 w 696277"/>
                    <a:gd name="connsiteY67" fmla="*/ 113348 h 168592"/>
                    <a:gd name="connsiteX68" fmla="*/ 639128 w 696277"/>
                    <a:gd name="connsiteY68" fmla="*/ 109538 h 168592"/>
                    <a:gd name="connsiteX69" fmla="*/ 664845 w 696277"/>
                    <a:gd name="connsiteY69" fmla="*/ 109538 h 168592"/>
                    <a:gd name="connsiteX70" fmla="*/ 670560 w 696277"/>
                    <a:gd name="connsiteY70" fmla="*/ 104775 h 168592"/>
                    <a:gd name="connsiteX71" fmla="*/ 671513 w 696277"/>
                    <a:gd name="connsiteY71" fmla="*/ 98108 h 168592"/>
                    <a:gd name="connsiteX72" fmla="*/ 639128 w 696277"/>
                    <a:gd name="connsiteY72" fmla="*/ 98108 h 168592"/>
                    <a:gd name="connsiteX73" fmla="*/ 607695 w 696277"/>
                    <a:gd name="connsiteY73" fmla="*/ 111443 h 168592"/>
                    <a:gd name="connsiteX74" fmla="*/ 607695 w 696277"/>
                    <a:gd name="connsiteY74" fmla="*/ 111443 h 168592"/>
                    <a:gd name="connsiteX75" fmla="*/ 355283 w 696277"/>
                    <a:gd name="connsiteY75" fmla="*/ 59055 h 168592"/>
                    <a:gd name="connsiteX76" fmla="*/ 352425 w 696277"/>
                    <a:gd name="connsiteY76" fmla="*/ 42863 h 168592"/>
                    <a:gd name="connsiteX77" fmla="*/ 341948 w 696277"/>
                    <a:gd name="connsiteY77" fmla="*/ 35243 h 168592"/>
                    <a:gd name="connsiteX78" fmla="*/ 315278 w 696277"/>
                    <a:gd name="connsiteY78" fmla="*/ 15240 h 168592"/>
                    <a:gd name="connsiteX79" fmla="*/ 326708 w 696277"/>
                    <a:gd name="connsiteY79" fmla="*/ 11430 h 168592"/>
                    <a:gd name="connsiteX80" fmla="*/ 352425 w 696277"/>
                    <a:gd name="connsiteY80" fmla="*/ 11430 h 168592"/>
                    <a:gd name="connsiteX81" fmla="*/ 358140 w 696277"/>
                    <a:gd name="connsiteY81" fmla="*/ 6668 h 168592"/>
                    <a:gd name="connsiteX82" fmla="*/ 359092 w 696277"/>
                    <a:gd name="connsiteY82" fmla="*/ 0 h 168592"/>
                    <a:gd name="connsiteX83" fmla="*/ 326708 w 696277"/>
                    <a:gd name="connsiteY83" fmla="*/ 0 h 168592"/>
                    <a:gd name="connsiteX84" fmla="*/ 294323 w 696277"/>
                    <a:gd name="connsiteY84" fmla="*/ 13335 h 168592"/>
                    <a:gd name="connsiteX85" fmla="*/ 315278 w 696277"/>
                    <a:gd name="connsiteY85" fmla="*/ 37148 h 168592"/>
                    <a:gd name="connsiteX86" fmla="*/ 334328 w 696277"/>
                    <a:gd name="connsiteY86" fmla="*/ 54293 h 168592"/>
                    <a:gd name="connsiteX87" fmla="*/ 320992 w 696277"/>
                    <a:gd name="connsiteY87" fmla="*/ 59055 h 168592"/>
                    <a:gd name="connsiteX88" fmla="*/ 290513 w 696277"/>
                    <a:gd name="connsiteY88" fmla="*/ 59055 h 168592"/>
                    <a:gd name="connsiteX89" fmla="*/ 284798 w 696277"/>
                    <a:gd name="connsiteY89" fmla="*/ 63818 h 168592"/>
                    <a:gd name="connsiteX90" fmla="*/ 283845 w 696277"/>
                    <a:gd name="connsiteY90" fmla="*/ 70485 h 168592"/>
                    <a:gd name="connsiteX91" fmla="*/ 321945 w 696277"/>
                    <a:gd name="connsiteY91" fmla="*/ 70485 h 168592"/>
                    <a:gd name="connsiteX92" fmla="*/ 355283 w 696277"/>
                    <a:gd name="connsiteY92" fmla="*/ 59055 h 168592"/>
                    <a:gd name="connsiteX93" fmla="*/ 355283 w 696277"/>
                    <a:gd name="connsiteY93" fmla="*/ 59055 h 168592"/>
                    <a:gd name="connsiteX94" fmla="*/ 273368 w 696277"/>
                    <a:gd name="connsiteY94" fmla="*/ 59055 h 168592"/>
                    <a:gd name="connsiteX95" fmla="*/ 270510 w 696277"/>
                    <a:gd name="connsiteY95" fmla="*/ 42863 h 168592"/>
                    <a:gd name="connsiteX96" fmla="*/ 260033 w 696277"/>
                    <a:gd name="connsiteY96" fmla="*/ 35243 h 168592"/>
                    <a:gd name="connsiteX97" fmla="*/ 233363 w 696277"/>
                    <a:gd name="connsiteY97" fmla="*/ 15240 h 168592"/>
                    <a:gd name="connsiteX98" fmla="*/ 244793 w 696277"/>
                    <a:gd name="connsiteY98" fmla="*/ 11430 h 168592"/>
                    <a:gd name="connsiteX99" fmla="*/ 270510 w 696277"/>
                    <a:gd name="connsiteY99" fmla="*/ 11430 h 168592"/>
                    <a:gd name="connsiteX100" fmla="*/ 276225 w 696277"/>
                    <a:gd name="connsiteY100" fmla="*/ 6668 h 168592"/>
                    <a:gd name="connsiteX101" fmla="*/ 277178 w 696277"/>
                    <a:gd name="connsiteY101" fmla="*/ 0 h 168592"/>
                    <a:gd name="connsiteX102" fmla="*/ 244793 w 696277"/>
                    <a:gd name="connsiteY102" fmla="*/ 0 h 168592"/>
                    <a:gd name="connsiteX103" fmla="*/ 212408 w 696277"/>
                    <a:gd name="connsiteY103" fmla="*/ 13335 h 168592"/>
                    <a:gd name="connsiteX104" fmla="*/ 233363 w 696277"/>
                    <a:gd name="connsiteY104" fmla="*/ 37148 h 168592"/>
                    <a:gd name="connsiteX105" fmla="*/ 252413 w 696277"/>
                    <a:gd name="connsiteY105" fmla="*/ 54293 h 168592"/>
                    <a:gd name="connsiteX106" fmla="*/ 239077 w 696277"/>
                    <a:gd name="connsiteY106" fmla="*/ 59055 h 168592"/>
                    <a:gd name="connsiteX107" fmla="*/ 209550 w 696277"/>
                    <a:gd name="connsiteY107" fmla="*/ 59055 h 168592"/>
                    <a:gd name="connsiteX108" fmla="*/ 203835 w 696277"/>
                    <a:gd name="connsiteY108" fmla="*/ 63818 h 168592"/>
                    <a:gd name="connsiteX109" fmla="*/ 202883 w 696277"/>
                    <a:gd name="connsiteY109" fmla="*/ 70485 h 168592"/>
                    <a:gd name="connsiteX110" fmla="*/ 240983 w 696277"/>
                    <a:gd name="connsiteY110" fmla="*/ 70485 h 168592"/>
                    <a:gd name="connsiteX111" fmla="*/ 273368 w 696277"/>
                    <a:gd name="connsiteY111" fmla="*/ 59055 h 168592"/>
                    <a:gd name="connsiteX112" fmla="*/ 273368 w 696277"/>
                    <a:gd name="connsiteY112" fmla="*/ 59055 h 168592"/>
                    <a:gd name="connsiteX113" fmla="*/ 629603 w 696277"/>
                    <a:gd name="connsiteY113" fmla="*/ 953 h 168592"/>
                    <a:gd name="connsiteX114" fmla="*/ 623888 w 696277"/>
                    <a:gd name="connsiteY114" fmla="*/ 4763 h 168592"/>
                    <a:gd name="connsiteX115" fmla="*/ 622935 w 696277"/>
                    <a:gd name="connsiteY115" fmla="*/ 11430 h 168592"/>
                    <a:gd name="connsiteX116" fmla="*/ 650558 w 696277"/>
                    <a:gd name="connsiteY116" fmla="*/ 11430 h 168592"/>
                    <a:gd name="connsiteX117" fmla="*/ 639128 w 696277"/>
                    <a:gd name="connsiteY117" fmla="*/ 70485 h 168592"/>
                    <a:gd name="connsiteX118" fmla="*/ 651510 w 696277"/>
                    <a:gd name="connsiteY118" fmla="*/ 70485 h 168592"/>
                    <a:gd name="connsiteX119" fmla="*/ 657225 w 696277"/>
                    <a:gd name="connsiteY119" fmla="*/ 65723 h 168592"/>
                    <a:gd name="connsiteX120" fmla="*/ 667703 w 696277"/>
                    <a:gd name="connsiteY120" fmla="*/ 11430 h 168592"/>
                    <a:gd name="connsiteX121" fmla="*/ 690563 w 696277"/>
                    <a:gd name="connsiteY121" fmla="*/ 11430 h 168592"/>
                    <a:gd name="connsiteX122" fmla="*/ 695325 w 696277"/>
                    <a:gd name="connsiteY122" fmla="*/ 7620 h 168592"/>
                    <a:gd name="connsiteX123" fmla="*/ 696278 w 696277"/>
                    <a:gd name="connsiteY123" fmla="*/ 953 h 168592"/>
                    <a:gd name="connsiteX124" fmla="*/ 629603 w 696277"/>
                    <a:gd name="connsiteY124" fmla="*/ 953 h 168592"/>
                    <a:gd name="connsiteX125" fmla="*/ 629603 w 696277"/>
                    <a:gd name="connsiteY125" fmla="*/ 953 h 168592"/>
                    <a:gd name="connsiteX126" fmla="*/ 31432 w 696277"/>
                    <a:gd name="connsiteY126" fmla="*/ 20955 h 168592"/>
                    <a:gd name="connsiteX127" fmla="*/ 28575 w 696277"/>
                    <a:gd name="connsiteY127" fmla="*/ 22860 h 168592"/>
                    <a:gd name="connsiteX128" fmla="*/ 19050 w 696277"/>
                    <a:gd name="connsiteY128" fmla="*/ 70485 h 168592"/>
                    <a:gd name="connsiteX129" fmla="*/ 60007 w 696277"/>
                    <a:gd name="connsiteY129" fmla="*/ 70485 h 168592"/>
                    <a:gd name="connsiteX130" fmla="*/ 103823 w 696277"/>
                    <a:gd name="connsiteY130" fmla="*/ 35243 h 168592"/>
                    <a:gd name="connsiteX131" fmla="*/ 75248 w 696277"/>
                    <a:gd name="connsiteY131" fmla="*/ 953 h 168592"/>
                    <a:gd name="connsiteX132" fmla="*/ 25718 w 696277"/>
                    <a:gd name="connsiteY132" fmla="*/ 953 h 168592"/>
                    <a:gd name="connsiteX133" fmla="*/ 25718 w 696277"/>
                    <a:gd name="connsiteY133" fmla="*/ 1905 h 168592"/>
                    <a:gd name="connsiteX134" fmla="*/ 33338 w 696277"/>
                    <a:gd name="connsiteY134" fmla="*/ 11430 h 168592"/>
                    <a:gd name="connsiteX135" fmla="*/ 69532 w 696277"/>
                    <a:gd name="connsiteY135" fmla="*/ 11430 h 168592"/>
                    <a:gd name="connsiteX136" fmla="*/ 85725 w 696277"/>
                    <a:gd name="connsiteY136" fmla="*/ 35243 h 168592"/>
                    <a:gd name="connsiteX137" fmla="*/ 62865 w 696277"/>
                    <a:gd name="connsiteY137" fmla="*/ 59055 h 168592"/>
                    <a:gd name="connsiteX138" fmla="*/ 38100 w 696277"/>
                    <a:gd name="connsiteY138" fmla="*/ 59055 h 168592"/>
                    <a:gd name="connsiteX139" fmla="*/ 45720 w 696277"/>
                    <a:gd name="connsiteY139" fmla="*/ 19050 h 168592"/>
                    <a:gd name="connsiteX140" fmla="*/ 31432 w 696277"/>
                    <a:gd name="connsiteY140" fmla="*/ 19050 h 168592"/>
                    <a:gd name="connsiteX141" fmla="*/ 31432 w 696277"/>
                    <a:gd name="connsiteY141" fmla="*/ 20955 h 168592"/>
                    <a:gd name="connsiteX142" fmla="*/ 620078 w 696277"/>
                    <a:gd name="connsiteY142" fmla="*/ 64770 h 168592"/>
                    <a:gd name="connsiteX143" fmla="*/ 617220 w 696277"/>
                    <a:gd name="connsiteY143" fmla="*/ 60960 h 168592"/>
                    <a:gd name="connsiteX144" fmla="*/ 580073 w 696277"/>
                    <a:gd name="connsiteY144" fmla="*/ 60960 h 168592"/>
                    <a:gd name="connsiteX145" fmla="*/ 591503 w 696277"/>
                    <a:gd name="connsiteY145" fmla="*/ 4763 h 168592"/>
                    <a:gd name="connsiteX146" fmla="*/ 589598 w 696277"/>
                    <a:gd name="connsiteY146" fmla="*/ 2858 h 168592"/>
                    <a:gd name="connsiteX147" fmla="*/ 574358 w 696277"/>
                    <a:gd name="connsiteY147" fmla="*/ 2858 h 168592"/>
                    <a:gd name="connsiteX148" fmla="*/ 561023 w 696277"/>
                    <a:gd name="connsiteY148" fmla="*/ 72390 h 168592"/>
                    <a:gd name="connsiteX149" fmla="*/ 620078 w 696277"/>
                    <a:gd name="connsiteY149" fmla="*/ 72390 h 168592"/>
                    <a:gd name="connsiteX150" fmla="*/ 620078 w 696277"/>
                    <a:gd name="connsiteY150" fmla="*/ 64770 h 168592"/>
                    <a:gd name="connsiteX151" fmla="*/ 620078 w 696277"/>
                    <a:gd name="connsiteY151" fmla="*/ 64770 h 168592"/>
                    <a:gd name="connsiteX152" fmla="*/ 508635 w 696277"/>
                    <a:gd name="connsiteY152" fmla="*/ 98108 h 168592"/>
                    <a:gd name="connsiteX153" fmla="*/ 492442 w 696277"/>
                    <a:gd name="connsiteY153" fmla="*/ 98108 h 168592"/>
                    <a:gd name="connsiteX154" fmla="*/ 461963 w 696277"/>
                    <a:gd name="connsiteY154" fmla="*/ 124778 h 168592"/>
                    <a:gd name="connsiteX155" fmla="*/ 441960 w 696277"/>
                    <a:gd name="connsiteY155" fmla="*/ 97155 h 168592"/>
                    <a:gd name="connsiteX156" fmla="*/ 425767 w 696277"/>
                    <a:gd name="connsiteY156" fmla="*/ 97155 h 168592"/>
                    <a:gd name="connsiteX157" fmla="*/ 421005 w 696277"/>
                    <a:gd name="connsiteY157" fmla="*/ 101918 h 168592"/>
                    <a:gd name="connsiteX158" fmla="*/ 408623 w 696277"/>
                    <a:gd name="connsiteY158" fmla="*/ 166688 h 168592"/>
                    <a:gd name="connsiteX159" fmla="*/ 421958 w 696277"/>
                    <a:gd name="connsiteY159" fmla="*/ 166688 h 168592"/>
                    <a:gd name="connsiteX160" fmla="*/ 426720 w 696277"/>
                    <a:gd name="connsiteY160" fmla="*/ 162878 h 168592"/>
                    <a:gd name="connsiteX161" fmla="*/ 436245 w 696277"/>
                    <a:gd name="connsiteY161" fmla="*/ 114300 h 168592"/>
                    <a:gd name="connsiteX162" fmla="*/ 451485 w 696277"/>
                    <a:gd name="connsiteY162" fmla="*/ 136208 h 168592"/>
                    <a:gd name="connsiteX163" fmla="*/ 455295 w 696277"/>
                    <a:gd name="connsiteY163" fmla="*/ 138113 h 168592"/>
                    <a:gd name="connsiteX164" fmla="*/ 461963 w 696277"/>
                    <a:gd name="connsiteY164" fmla="*/ 138113 h 168592"/>
                    <a:gd name="connsiteX165" fmla="*/ 466725 w 696277"/>
                    <a:gd name="connsiteY165" fmla="*/ 136208 h 168592"/>
                    <a:gd name="connsiteX166" fmla="*/ 490538 w 696277"/>
                    <a:gd name="connsiteY166" fmla="*/ 114300 h 168592"/>
                    <a:gd name="connsiteX167" fmla="*/ 481013 w 696277"/>
                    <a:gd name="connsiteY167" fmla="*/ 162878 h 168592"/>
                    <a:gd name="connsiteX168" fmla="*/ 484823 w 696277"/>
                    <a:gd name="connsiteY168" fmla="*/ 166688 h 168592"/>
                    <a:gd name="connsiteX169" fmla="*/ 498158 w 696277"/>
                    <a:gd name="connsiteY169" fmla="*/ 166688 h 168592"/>
                    <a:gd name="connsiteX170" fmla="*/ 510540 w 696277"/>
                    <a:gd name="connsiteY170" fmla="*/ 101918 h 168592"/>
                    <a:gd name="connsiteX171" fmla="*/ 508635 w 696277"/>
                    <a:gd name="connsiteY171" fmla="*/ 98108 h 168592"/>
                    <a:gd name="connsiteX172" fmla="*/ 508635 w 696277"/>
                    <a:gd name="connsiteY172" fmla="*/ 98108 h 168592"/>
                    <a:gd name="connsiteX173" fmla="*/ 340995 w 696277"/>
                    <a:gd name="connsiteY173" fmla="*/ 102870 h 168592"/>
                    <a:gd name="connsiteX174" fmla="*/ 328613 w 696277"/>
                    <a:gd name="connsiteY174" fmla="*/ 167640 h 168592"/>
                    <a:gd name="connsiteX175" fmla="*/ 393383 w 696277"/>
                    <a:gd name="connsiteY175" fmla="*/ 167640 h 168592"/>
                    <a:gd name="connsiteX176" fmla="*/ 394335 w 696277"/>
                    <a:gd name="connsiteY176" fmla="*/ 160973 h 168592"/>
                    <a:gd name="connsiteX177" fmla="*/ 390525 w 696277"/>
                    <a:gd name="connsiteY177" fmla="*/ 157163 h 168592"/>
                    <a:gd name="connsiteX178" fmla="*/ 347663 w 696277"/>
                    <a:gd name="connsiteY178" fmla="*/ 157163 h 168592"/>
                    <a:gd name="connsiteX179" fmla="*/ 351473 w 696277"/>
                    <a:gd name="connsiteY179" fmla="*/ 138113 h 168592"/>
                    <a:gd name="connsiteX180" fmla="*/ 389573 w 696277"/>
                    <a:gd name="connsiteY180" fmla="*/ 138113 h 168592"/>
                    <a:gd name="connsiteX181" fmla="*/ 391478 w 696277"/>
                    <a:gd name="connsiteY181" fmla="*/ 136208 h 168592"/>
                    <a:gd name="connsiteX182" fmla="*/ 393383 w 696277"/>
                    <a:gd name="connsiteY182" fmla="*/ 128588 h 168592"/>
                    <a:gd name="connsiteX183" fmla="*/ 392430 w 696277"/>
                    <a:gd name="connsiteY183" fmla="*/ 126683 h 168592"/>
                    <a:gd name="connsiteX184" fmla="*/ 354330 w 696277"/>
                    <a:gd name="connsiteY184" fmla="*/ 126683 h 168592"/>
                    <a:gd name="connsiteX185" fmla="*/ 358140 w 696277"/>
                    <a:gd name="connsiteY185" fmla="*/ 107633 h 168592"/>
                    <a:gd name="connsiteX186" fmla="*/ 399098 w 696277"/>
                    <a:gd name="connsiteY186" fmla="*/ 107633 h 168592"/>
                    <a:gd name="connsiteX187" fmla="*/ 403860 w 696277"/>
                    <a:gd name="connsiteY187" fmla="*/ 104775 h 168592"/>
                    <a:gd name="connsiteX188" fmla="*/ 405765 w 696277"/>
                    <a:gd name="connsiteY188" fmla="*/ 96203 h 168592"/>
                    <a:gd name="connsiteX189" fmla="*/ 347663 w 696277"/>
                    <a:gd name="connsiteY189" fmla="*/ 96203 h 168592"/>
                    <a:gd name="connsiteX190" fmla="*/ 340995 w 696277"/>
                    <a:gd name="connsiteY190" fmla="*/ 102870 h 168592"/>
                    <a:gd name="connsiteX191" fmla="*/ 340995 w 696277"/>
                    <a:gd name="connsiteY191" fmla="*/ 102870 h 168592"/>
                    <a:gd name="connsiteX192" fmla="*/ 532448 w 696277"/>
                    <a:gd name="connsiteY192" fmla="*/ 102870 h 168592"/>
                    <a:gd name="connsiteX193" fmla="*/ 520065 w 696277"/>
                    <a:gd name="connsiteY193" fmla="*/ 167640 h 168592"/>
                    <a:gd name="connsiteX194" fmla="*/ 584835 w 696277"/>
                    <a:gd name="connsiteY194" fmla="*/ 167640 h 168592"/>
                    <a:gd name="connsiteX195" fmla="*/ 585788 w 696277"/>
                    <a:gd name="connsiteY195" fmla="*/ 160973 h 168592"/>
                    <a:gd name="connsiteX196" fmla="*/ 581978 w 696277"/>
                    <a:gd name="connsiteY196" fmla="*/ 157163 h 168592"/>
                    <a:gd name="connsiteX197" fmla="*/ 539115 w 696277"/>
                    <a:gd name="connsiteY197" fmla="*/ 157163 h 168592"/>
                    <a:gd name="connsiteX198" fmla="*/ 542925 w 696277"/>
                    <a:gd name="connsiteY198" fmla="*/ 138113 h 168592"/>
                    <a:gd name="connsiteX199" fmla="*/ 581025 w 696277"/>
                    <a:gd name="connsiteY199" fmla="*/ 138113 h 168592"/>
                    <a:gd name="connsiteX200" fmla="*/ 582930 w 696277"/>
                    <a:gd name="connsiteY200" fmla="*/ 136208 h 168592"/>
                    <a:gd name="connsiteX201" fmla="*/ 584835 w 696277"/>
                    <a:gd name="connsiteY201" fmla="*/ 128588 h 168592"/>
                    <a:gd name="connsiteX202" fmla="*/ 583883 w 696277"/>
                    <a:gd name="connsiteY202" fmla="*/ 126683 h 168592"/>
                    <a:gd name="connsiteX203" fmla="*/ 545783 w 696277"/>
                    <a:gd name="connsiteY203" fmla="*/ 126683 h 168592"/>
                    <a:gd name="connsiteX204" fmla="*/ 549593 w 696277"/>
                    <a:gd name="connsiteY204" fmla="*/ 107633 h 168592"/>
                    <a:gd name="connsiteX205" fmla="*/ 590550 w 696277"/>
                    <a:gd name="connsiteY205" fmla="*/ 107633 h 168592"/>
                    <a:gd name="connsiteX206" fmla="*/ 595313 w 696277"/>
                    <a:gd name="connsiteY206" fmla="*/ 104775 h 168592"/>
                    <a:gd name="connsiteX207" fmla="*/ 597218 w 696277"/>
                    <a:gd name="connsiteY207" fmla="*/ 96203 h 168592"/>
                    <a:gd name="connsiteX208" fmla="*/ 539115 w 696277"/>
                    <a:gd name="connsiteY208" fmla="*/ 96203 h 168592"/>
                    <a:gd name="connsiteX209" fmla="*/ 532448 w 696277"/>
                    <a:gd name="connsiteY209" fmla="*/ 102870 h 168592"/>
                    <a:gd name="connsiteX210" fmla="*/ 532448 w 696277"/>
                    <a:gd name="connsiteY210" fmla="*/ 102870 h 168592"/>
                    <a:gd name="connsiteX211" fmla="*/ 145733 w 696277"/>
                    <a:gd name="connsiteY211" fmla="*/ 100013 h 168592"/>
                    <a:gd name="connsiteX212" fmla="*/ 140018 w 696277"/>
                    <a:gd name="connsiteY212" fmla="*/ 131445 h 168592"/>
                    <a:gd name="connsiteX213" fmla="*/ 105727 w 696277"/>
                    <a:gd name="connsiteY213" fmla="*/ 118110 h 168592"/>
                    <a:gd name="connsiteX214" fmla="*/ 109538 w 696277"/>
                    <a:gd name="connsiteY214" fmla="*/ 97155 h 168592"/>
                    <a:gd name="connsiteX215" fmla="*/ 95250 w 696277"/>
                    <a:gd name="connsiteY215" fmla="*/ 97155 h 168592"/>
                    <a:gd name="connsiteX216" fmla="*/ 92393 w 696277"/>
                    <a:gd name="connsiteY216" fmla="*/ 99060 h 168592"/>
                    <a:gd name="connsiteX217" fmla="*/ 88582 w 696277"/>
                    <a:gd name="connsiteY217" fmla="*/ 118110 h 168592"/>
                    <a:gd name="connsiteX218" fmla="*/ 138113 w 696277"/>
                    <a:gd name="connsiteY218" fmla="*/ 142875 h 168592"/>
                    <a:gd name="connsiteX219" fmla="*/ 133350 w 696277"/>
                    <a:gd name="connsiteY219" fmla="*/ 167640 h 168592"/>
                    <a:gd name="connsiteX220" fmla="*/ 145733 w 696277"/>
                    <a:gd name="connsiteY220" fmla="*/ 167640 h 168592"/>
                    <a:gd name="connsiteX221" fmla="*/ 151448 w 696277"/>
                    <a:gd name="connsiteY221" fmla="*/ 162878 h 168592"/>
                    <a:gd name="connsiteX222" fmla="*/ 163830 w 696277"/>
                    <a:gd name="connsiteY222" fmla="*/ 98108 h 168592"/>
                    <a:gd name="connsiteX223" fmla="*/ 148590 w 696277"/>
                    <a:gd name="connsiteY223" fmla="*/ 98108 h 168592"/>
                    <a:gd name="connsiteX224" fmla="*/ 145733 w 696277"/>
                    <a:gd name="connsiteY224" fmla="*/ 100013 h 168592"/>
                    <a:gd name="connsiteX225" fmla="*/ 145733 w 696277"/>
                    <a:gd name="connsiteY225" fmla="*/ 100013 h 168592"/>
                    <a:gd name="connsiteX226" fmla="*/ 330517 w 696277"/>
                    <a:gd name="connsiteY226" fmla="*/ 104775 h 168592"/>
                    <a:gd name="connsiteX227" fmla="*/ 331470 w 696277"/>
                    <a:gd name="connsiteY227" fmla="*/ 98108 h 168592"/>
                    <a:gd name="connsiteX228" fmla="*/ 264795 w 696277"/>
                    <a:gd name="connsiteY228" fmla="*/ 98108 h 168592"/>
                    <a:gd name="connsiteX229" fmla="*/ 259080 w 696277"/>
                    <a:gd name="connsiteY229" fmla="*/ 101918 h 168592"/>
                    <a:gd name="connsiteX230" fmla="*/ 257175 w 696277"/>
                    <a:gd name="connsiteY230" fmla="*/ 108585 h 168592"/>
                    <a:gd name="connsiteX231" fmla="*/ 284798 w 696277"/>
                    <a:gd name="connsiteY231" fmla="*/ 108585 h 168592"/>
                    <a:gd name="connsiteX232" fmla="*/ 273368 w 696277"/>
                    <a:gd name="connsiteY232" fmla="*/ 167640 h 168592"/>
                    <a:gd name="connsiteX233" fmla="*/ 285750 w 696277"/>
                    <a:gd name="connsiteY233" fmla="*/ 167640 h 168592"/>
                    <a:gd name="connsiteX234" fmla="*/ 291465 w 696277"/>
                    <a:gd name="connsiteY234" fmla="*/ 162878 h 168592"/>
                    <a:gd name="connsiteX235" fmla="*/ 301942 w 696277"/>
                    <a:gd name="connsiteY235" fmla="*/ 108585 h 168592"/>
                    <a:gd name="connsiteX236" fmla="*/ 324803 w 696277"/>
                    <a:gd name="connsiteY236" fmla="*/ 108585 h 168592"/>
                    <a:gd name="connsiteX237" fmla="*/ 330517 w 696277"/>
                    <a:gd name="connsiteY237" fmla="*/ 104775 h 168592"/>
                    <a:gd name="connsiteX238" fmla="*/ 330517 w 696277"/>
                    <a:gd name="connsiteY238" fmla="*/ 104775 h 168592"/>
                    <a:gd name="connsiteX239" fmla="*/ 138113 w 696277"/>
                    <a:gd name="connsiteY239" fmla="*/ 30480 h 168592"/>
                    <a:gd name="connsiteX240" fmla="*/ 162877 w 696277"/>
                    <a:gd name="connsiteY240" fmla="*/ 12383 h 168592"/>
                    <a:gd name="connsiteX241" fmla="*/ 179070 w 696277"/>
                    <a:gd name="connsiteY241" fmla="*/ 30480 h 168592"/>
                    <a:gd name="connsiteX242" fmla="*/ 178118 w 696277"/>
                    <a:gd name="connsiteY242" fmla="*/ 34290 h 168592"/>
                    <a:gd name="connsiteX243" fmla="*/ 173355 w 696277"/>
                    <a:gd name="connsiteY243" fmla="*/ 39053 h 168592"/>
                    <a:gd name="connsiteX244" fmla="*/ 136208 w 696277"/>
                    <a:gd name="connsiteY244" fmla="*/ 39053 h 168592"/>
                    <a:gd name="connsiteX245" fmla="*/ 138113 w 696277"/>
                    <a:gd name="connsiteY245" fmla="*/ 30480 h 168592"/>
                    <a:gd name="connsiteX246" fmla="*/ 138113 w 696277"/>
                    <a:gd name="connsiteY246" fmla="*/ 30480 h 168592"/>
                    <a:gd name="connsiteX247" fmla="*/ 117157 w 696277"/>
                    <a:gd name="connsiteY247" fmla="*/ 71438 h 168592"/>
                    <a:gd name="connsiteX248" fmla="*/ 130493 w 696277"/>
                    <a:gd name="connsiteY248" fmla="*/ 71438 h 168592"/>
                    <a:gd name="connsiteX249" fmla="*/ 134302 w 696277"/>
                    <a:gd name="connsiteY249" fmla="*/ 51435 h 168592"/>
                    <a:gd name="connsiteX250" fmla="*/ 175260 w 696277"/>
                    <a:gd name="connsiteY250" fmla="*/ 51435 h 168592"/>
                    <a:gd name="connsiteX251" fmla="*/ 171450 w 696277"/>
                    <a:gd name="connsiteY251" fmla="*/ 71438 h 168592"/>
                    <a:gd name="connsiteX252" fmla="*/ 184785 w 696277"/>
                    <a:gd name="connsiteY252" fmla="*/ 71438 h 168592"/>
                    <a:gd name="connsiteX253" fmla="*/ 188595 w 696277"/>
                    <a:gd name="connsiteY253" fmla="*/ 68580 h 168592"/>
                    <a:gd name="connsiteX254" fmla="*/ 195263 w 696277"/>
                    <a:gd name="connsiteY254" fmla="*/ 33338 h 168592"/>
                    <a:gd name="connsiteX255" fmla="*/ 164783 w 696277"/>
                    <a:gd name="connsiteY255" fmla="*/ 953 h 168592"/>
                    <a:gd name="connsiteX256" fmla="*/ 120968 w 696277"/>
                    <a:gd name="connsiteY256" fmla="*/ 33338 h 168592"/>
                    <a:gd name="connsiteX257" fmla="*/ 114300 w 696277"/>
                    <a:gd name="connsiteY257" fmla="*/ 67628 h 168592"/>
                    <a:gd name="connsiteX258" fmla="*/ 117157 w 696277"/>
                    <a:gd name="connsiteY258" fmla="*/ 71438 h 168592"/>
                    <a:gd name="connsiteX259" fmla="*/ 117157 w 696277"/>
                    <a:gd name="connsiteY259" fmla="*/ 71438 h 168592"/>
                    <a:gd name="connsiteX260" fmla="*/ 394335 w 696277"/>
                    <a:gd name="connsiteY260" fmla="*/ 30480 h 168592"/>
                    <a:gd name="connsiteX261" fmla="*/ 419100 w 696277"/>
                    <a:gd name="connsiteY261" fmla="*/ 12383 h 168592"/>
                    <a:gd name="connsiteX262" fmla="*/ 435292 w 696277"/>
                    <a:gd name="connsiteY262" fmla="*/ 30480 h 168592"/>
                    <a:gd name="connsiteX263" fmla="*/ 434340 w 696277"/>
                    <a:gd name="connsiteY263" fmla="*/ 34290 h 168592"/>
                    <a:gd name="connsiteX264" fmla="*/ 429578 w 696277"/>
                    <a:gd name="connsiteY264" fmla="*/ 39053 h 168592"/>
                    <a:gd name="connsiteX265" fmla="*/ 392430 w 696277"/>
                    <a:gd name="connsiteY265" fmla="*/ 39053 h 168592"/>
                    <a:gd name="connsiteX266" fmla="*/ 394335 w 696277"/>
                    <a:gd name="connsiteY266" fmla="*/ 30480 h 168592"/>
                    <a:gd name="connsiteX267" fmla="*/ 394335 w 696277"/>
                    <a:gd name="connsiteY267" fmla="*/ 30480 h 168592"/>
                    <a:gd name="connsiteX268" fmla="*/ 373380 w 696277"/>
                    <a:gd name="connsiteY268" fmla="*/ 71438 h 168592"/>
                    <a:gd name="connsiteX269" fmla="*/ 386715 w 696277"/>
                    <a:gd name="connsiteY269" fmla="*/ 71438 h 168592"/>
                    <a:gd name="connsiteX270" fmla="*/ 390525 w 696277"/>
                    <a:gd name="connsiteY270" fmla="*/ 51435 h 168592"/>
                    <a:gd name="connsiteX271" fmla="*/ 431483 w 696277"/>
                    <a:gd name="connsiteY271" fmla="*/ 51435 h 168592"/>
                    <a:gd name="connsiteX272" fmla="*/ 427673 w 696277"/>
                    <a:gd name="connsiteY272" fmla="*/ 71438 h 168592"/>
                    <a:gd name="connsiteX273" fmla="*/ 441008 w 696277"/>
                    <a:gd name="connsiteY273" fmla="*/ 71438 h 168592"/>
                    <a:gd name="connsiteX274" fmla="*/ 444817 w 696277"/>
                    <a:gd name="connsiteY274" fmla="*/ 68580 h 168592"/>
                    <a:gd name="connsiteX275" fmla="*/ 451485 w 696277"/>
                    <a:gd name="connsiteY275" fmla="*/ 33338 h 168592"/>
                    <a:gd name="connsiteX276" fmla="*/ 421005 w 696277"/>
                    <a:gd name="connsiteY276" fmla="*/ 953 h 168592"/>
                    <a:gd name="connsiteX277" fmla="*/ 377190 w 696277"/>
                    <a:gd name="connsiteY277" fmla="*/ 33338 h 168592"/>
                    <a:gd name="connsiteX278" fmla="*/ 370523 w 696277"/>
                    <a:gd name="connsiteY278" fmla="*/ 67628 h 168592"/>
                    <a:gd name="connsiteX279" fmla="*/ 373380 w 696277"/>
                    <a:gd name="connsiteY279" fmla="*/ 71438 h 168592"/>
                    <a:gd name="connsiteX280" fmla="*/ 373380 w 696277"/>
                    <a:gd name="connsiteY280" fmla="*/ 71438 h 16859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 ang="0">
                      <a:pos x="connsiteX76" y="connsiteY76"/>
                    </a:cxn>
                    <a:cxn ang="0">
                      <a:pos x="connsiteX77" y="connsiteY77"/>
                    </a:cxn>
                    <a:cxn ang="0">
                      <a:pos x="connsiteX78" y="connsiteY78"/>
                    </a:cxn>
                    <a:cxn ang="0">
                      <a:pos x="connsiteX79" y="connsiteY79"/>
                    </a:cxn>
                    <a:cxn ang="0">
                      <a:pos x="connsiteX80" y="connsiteY80"/>
                    </a:cxn>
                    <a:cxn ang="0">
                      <a:pos x="connsiteX81" y="connsiteY81"/>
                    </a:cxn>
                    <a:cxn ang="0">
                      <a:pos x="connsiteX82" y="connsiteY82"/>
                    </a:cxn>
                    <a:cxn ang="0">
                      <a:pos x="connsiteX83" y="connsiteY83"/>
                    </a:cxn>
                    <a:cxn ang="0">
                      <a:pos x="connsiteX84" y="connsiteY84"/>
                    </a:cxn>
                    <a:cxn ang="0">
                      <a:pos x="connsiteX85" y="connsiteY85"/>
                    </a:cxn>
                    <a:cxn ang="0">
                      <a:pos x="connsiteX86" y="connsiteY86"/>
                    </a:cxn>
                    <a:cxn ang="0">
                      <a:pos x="connsiteX87" y="connsiteY87"/>
                    </a:cxn>
                    <a:cxn ang="0">
                      <a:pos x="connsiteX88" y="connsiteY88"/>
                    </a:cxn>
                    <a:cxn ang="0">
                      <a:pos x="connsiteX89" y="connsiteY89"/>
                    </a:cxn>
                    <a:cxn ang="0">
                      <a:pos x="connsiteX90" y="connsiteY90"/>
                    </a:cxn>
                    <a:cxn ang="0">
                      <a:pos x="connsiteX91" y="connsiteY91"/>
                    </a:cxn>
                    <a:cxn ang="0">
                      <a:pos x="connsiteX92" y="connsiteY92"/>
                    </a:cxn>
                    <a:cxn ang="0">
                      <a:pos x="connsiteX93" y="connsiteY93"/>
                    </a:cxn>
                    <a:cxn ang="0">
                      <a:pos x="connsiteX94" y="connsiteY94"/>
                    </a:cxn>
                    <a:cxn ang="0">
                      <a:pos x="connsiteX95" y="connsiteY95"/>
                    </a:cxn>
                    <a:cxn ang="0">
                      <a:pos x="connsiteX96" y="connsiteY96"/>
                    </a:cxn>
                    <a:cxn ang="0">
                      <a:pos x="connsiteX97" y="connsiteY97"/>
                    </a:cxn>
                    <a:cxn ang="0">
                      <a:pos x="connsiteX98" y="connsiteY98"/>
                    </a:cxn>
                    <a:cxn ang="0">
                      <a:pos x="connsiteX99" y="connsiteY99"/>
                    </a:cxn>
                    <a:cxn ang="0">
                      <a:pos x="connsiteX100" y="connsiteY100"/>
                    </a:cxn>
                    <a:cxn ang="0">
                      <a:pos x="connsiteX101" y="connsiteY101"/>
                    </a:cxn>
                    <a:cxn ang="0">
                      <a:pos x="connsiteX102" y="connsiteY102"/>
                    </a:cxn>
                    <a:cxn ang="0">
                      <a:pos x="connsiteX103" y="connsiteY103"/>
                    </a:cxn>
                    <a:cxn ang="0">
                      <a:pos x="connsiteX104" y="connsiteY104"/>
                    </a:cxn>
                    <a:cxn ang="0">
                      <a:pos x="connsiteX105" y="connsiteY105"/>
                    </a:cxn>
                    <a:cxn ang="0">
                      <a:pos x="connsiteX106" y="connsiteY106"/>
                    </a:cxn>
                    <a:cxn ang="0">
                      <a:pos x="connsiteX107" y="connsiteY107"/>
                    </a:cxn>
                    <a:cxn ang="0">
                      <a:pos x="connsiteX108" y="connsiteY108"/>
                    </a:cxn>
                    <a:cxn ang="0">
                      <a:pos x="connsiteX109" y="connsiteY109"/>
                    </a:cxn>
                    <a:cxn ang="0">
                      <a:pos x="connsiteX110" y="connsiteY110"/>
                    </a:cxn>
                    <a:cxn ang="0">
                      <a:pos x="connsiteX111" y="connsiteY111"/>
                    </a:cxn>
                    <a:cxn ang="0">
                      <a:pos x="connsiteX112" y="connsiteY112"/>
                    </a:cxn>
                    <a:cxn ang="0">
                      <a:pos x="connsiteX113" y="connsiteY113"/>
                    </a:cxn>
                    <a:cxn ang="0">
                      <a:pos x="connsiteX114" y="connsiteY114"/>
                    </a:cxn>
                    <a:cxn ang="0">
                      <a:pos x="connsiteX115" y="connsiteY115"/>
                    </a:cxn>
                    <a:cxn ang="0">
                      <a:pos x="connsiteX116" y="connsiteY116"/>
                    </a:cxn>
                    <a:cxn ang="0">
                      <a:pos x="connsiteX117" y="connsiteY117"/>
                    </a:cxn>
                    <a:cxn ang="0">
                      <a:pos x="connsiteX118" y="connsiteY118"/>
                    </a:cxn>
                    <a:cxn ang="0">
                      <a:pos x="connsiteX119" y="connsiteY119"/>
                    </a:cxn>
                    <a:cxn ang="0">
                      <a:pos x="connsiteX120" y="connsiteY120"/>
                    </a:cxn>
                    <a:cxn ang="0">
                      <a:pos x="connsiteX121" y="connsiteY121"/>
                    </a:cxn>
                    <a:cxn ang="0">
                      <a:pos x="connsiteX122" y="connsiteY122"/>
                    </a:cxn>
                    <a:cxn ang="0">
                      <a:pos x="connsiteX123" y="connsiteY123"/>
                    </a:cxn>
                    <a:cxn ang="0">
                      <a:pos x="connsiteX124" y="connsiteY124"/>
                    </a:cxn>
                    <a:cxn ang="0">
                      <a:pos x="connsiteX125" y="connsiteY125"/>
                    </a:cxn>
                    <a:cxn ang="0">
                      <a:pos x="connsiteX126" y="connsiteY126"/>
                    </a:cxn>
                    <a:cxn ang="0">
                      <a:pos x="connsiteX127" y="connsiteY127"/>
                    </a:cxn>
                    <a:cxn ang="0">
                      <a:pos x="connsiteX128" y="connsiteY128"/>
                    </a:cxn>
                    <a:cxn ang="0">
                      <a:pos x="connsiteX129" y="connsiteY129"/>
                    </a:cxn>
                    <a:cxn ang="0">
                      <a:pos x="connsiteX130" y="connsiteY130"/>
                    </a:cxn>
                    <a:cxn ang="0">
                      <a:pos x="connsiteX131" y="connsiteY131"/>
                    </a:cxn>
                    <a:cxn ang="0">
                      <a:pos x="connsiteX132" y="connsiteY132"/>
                    </a:cxn>
                    <a:cxn ang="0">
                      <a:pos x="connsiteX133" y="connsiteY133"/>
                    </a:cxn>
                    <a:cxn ang="0">
                      <a:pos x="connsiteX134" y="connsiteY134"/>
                    </a:cxn>
                    <a:cxn ang="0">
                      <a:pos x="connsiteX135" y="connsiteY135"/>
                    </a:cxn>
                    <a:cxn ang="0">
                      <a:pos x="connsiteX136" y="connsiteY136"/>
                    </a:cxn>
                    <a:cxn ang="0">
                      <a:pos x="connsiteX137" y="connsiteY137"/>
                    </a:cxn>
                    <a:cxn ang="0">
                      <a:pos x="connsiteX138" y="connsiteY138"/>
                    </a:cxn>
                    <a:cxn ang="0">
                      <a:pos x="connsiteX139" y="connsiteY139"/>
                    </a:cxn>
                    <a:cxn ang="0">
                      <a:pos x="connsiteX140" y="connsiteY140"/>
                    </a:cxn>
                    <a:cxn ang="0">
                      <a:pos x="connsiteX141" y="connsiteY141"/>
                    </a:cxn>
                    <a:cxn ang="0">
                      <a:pos x="connsiteX142" y="connsiteY142"/>
                    </a:cxn>
                    <a:cxn ang="0">
                      <a:pos x="connsiteX143" y="connsiteY143"/>
                    </a:cxn>
                    <a:cxn ang="0">
                      <a:pos x="connsiteX144" y="connsiteY144"/>
                    </a:cxn>
                    <a:cxn ang="0">
                      <a:pos x="connsiteX145" y="connsiteY145"/>
                    </a:cxn>
                    <a:cxn ang="0">
                      <a:pos x="connsiteX146" y="connsiteY146"/>
                    </a:cxn>
                    <a:cxn ang="0">
                      <a:pos x="connsiteX147" y="connsiteY147"/>
                    </a:cxn>
                    <a:cxn ang="0">
                      <a:pos x="connsiteX148" y="connsiteY148"/>
                    </a:cxn>
                    <a:cxn ang="0">
                      <a:pos x="connsiteX149" y="connsiteY149"/>
                    </a:cxn>
                    <a:cxn ang="0">
                      <a:pos x="connsiteX150" y="connsiteY150"/>
                    </a:cxn>
                    <a:cxn ang="0">
                      <a:pos x="connsiteX151" y="connsiteY151"/>
                    </a:cxn>
                    <a:cxn ang="0">
                      <a:pos x="connsiteX152" y="connsiteY152"/>
                    </a:cxn>
                    <a:cxn ang="0">
                      <a:pos x="connsiteX153" y="connsiteY153"/>
                    </a:cxn>
                    <a:cxn ang="0">
                      <a:pos x="connsiteX154" y="connsiteY154"/>
                    </a:cxn>
                    <a:cxn ang="0">
                      <a:pos x="connsiteX155" y="connsiteY155"/>
                    </a:cxn>
                    <a:cxn ang="0">
                      <a:pos x="connsiteX156" y="connsiteY156"/>
                    </a:cxn>
                    <a:cxn ang="0">
                      <a:pos x="connsiteX157" y="connsiteY157"/>
                    </a:cxn>
                    <a:cxn ang="0">
                      <a:pos x="connsiteX158" y="connsiteY158"/>
                    </a:cxn>
                    <a:cxn ang="0">
                      <a:pos x="connsiteX159" y="connsiteY159"/>
                    </a:cxn>
                    <a:cxn ang="0">
                      <a:pos x="connsiteX160" y="connsiteY160"/>
                    </a:cxn>
                    <a:cxn ang="0">
                      <a:pos x="connsiteX161" y="connsiteY161"/>
                    </a:cxn>
                    <a:cxn ang="0">
                      <a:pos x="connsiteX162" y="connsiteY162"/>
                    </a:cxn>
                    <a:cxn ang="0">
                      <a:pos x="connsiteX163" y="connsiteY163"/>
                    </a:cxn>
                    <a:cxn ang="0">
                      <a:pos x="connsiteX164" y="connsiteY164"/>
                    </a:cxn>
                    <a:cxn ang="0">
                      <a:pos x="connsiteX165" y="connsiteY165"/>
                    </a:cxn>
                    <a:cxn ang="0">
                      <a:pos x="connsiteX166" y="connsiteY166"/>
                    </a:cxn>
                    <a:cxn ang="0">
                      <a:pos x="connsiteX167" y="connsiteY167"/>
                    </a:cxn>
                    <a:cxn ang="0">
                      <a:pos x="connsiteX168" y="connsiteY168"/>
                    </a:cxn>
                    <a:cxn ang="0">
                      <a:pos x="connsiteX169" y="connsiteY169"/>
                    </a:cxn>
                    <a:cxn ang="0">
                      <a:pos x="connsiteX170" y="connsiteY170"/>
                    </a:cxn>
                    <a:cxn ang="0">
                      <a:pos x="connsiteX171" y="connsiteY171"/>
                    </a:cxn>
                    <a:cxn ang="0">
                      <a:pos x="connsiteX172" y="connsiteY172"/>
                    </a:cxn>
                    <a:cxn ang="0">
                      <a:pos x="connsiteX173" y="connsiteY173"/>
                    </a:cxn>
                    <a:cxn ang="0">
                      <a:pos x="connsiteX174" y="connsiteY174"/>
                    </a:cxn>
                    <a:cxn ang="0">
                      <a:pos x="connsiteX175" y="connsiteY175"/>
                    </a:cxn>
                    <a:cxn ang="0">
                      <a:pos x="connsiteX176" y="connsiteY176"/>
                    </a:cxn>
                    <a:cxn ang="0">
                      <a:pos x="connsiteX177" y="connsiteY177"/>
                    </a:cxn>
                    <a:cxn ang="0">
                      <a:pos x="connsiteX178" y="connsiteY178"/>
                    </a:cxn>
                    <a:cxn ang="0">
                      <a:pos x="connsiteX179" y="connsiteY179"/>
                    </a:cxn>
                    <a:cxn ang="0">
                      <a:pos x="connsiteX180" y="connsiteY180"/>
                    </a:cxn>
                    <a:cxn ang="0">
                      <a:pos x="connsiteX181" y="connsiteY181"/>
                    </a:cxn>
                    <a:cxn ang="0">
                      <a:pos x="connsiteX182" y="connsiteY182"/>
                    </a:cxn>
                    <a:cxn ang="0">
                      <a:pos x="connsiteX183" y="connsiteY183"/>
                    </a:cxn>
                    <a:cxn ang="0">
                      <a:pos x="connsiteX184" y="connsiteY184"/>
                    </a:cxn>
                    <a:cxn ang="0">
                      <a:pos x="connsiteX185" y="connsiteY185"/>
                    </a:cxn>
                    <a:cxn ang="0">
                      <a:pos x="connsiteX186" y="connsiteY186"/>
                    </a:cxn>
                    <a:cxn ang="0">
                      <a:pos x="connsiteX187" y="connsiteY187"/>
                    </a:cxn>
                    <a:cxn ang="0">
                      <a:pos x="connsiteX188" y="connsiteY188"/>
                    </a:cxn>
                    <a:cxn ang="0">
                      <a:pos x="connsiteX189" y="connsiteY189"/>
                    </a:cxn>
                    <a:cxn ang="0">
                      <a:pos x="connsiteX190" y="connsiteY190"/>
                    </a:cxn>
                    <a:cxn ang="0">
                      <a:pos x="connsiteX191" y="connsiteY191"/>
                    </a:cxn>
                    <a:cxn ang="0">
                      <a:pos x="connsiteX192" y="connsiteY192"/>
                    </a:cxn>
                    <a:cxn ang="0">
                      <a:pos x="connsiteX193" y="connsiteY193"/>
                    </a:cxn>
                    <a:cxn ang="0">
                      <a:pos x="connsiteX194" y="connsiteY194"/>
                    </a:cxn>
                    <a:cxn ang="0">
                      <a:pos x="connsiteX195" y="connsiteY195"/>
                    </a:cxn>
                    <a:cxn ang="0">
                      <a:pos x="connsiteX196" y="connsiteY196"/>
                    </a:cxn>
                    <a:cxn ang="0">
                      <a:pos x="connsiteX197" y="connsiteY197"/>
                    </a:cxn>
                    <a:cxn ang="0">
                      <a:pos x="connsiteX198" y="connsiteY198"/>
                    </a:cxn>
                    <a:cxn ang="0">
                      <a:pos x="connsiteX199" y="connsiteY199"/>
                    </a:cxn>
                    <a:cxn ang="0">
                      <a:pos x="connsiteX200" y="connsiteY200"/>
                    </a:cxn>
                    <a:cxn ang="0">
                      <a:pos x="connsiteX201" y="connsiteY201"/>
                    </a:cxn>
                    <a:cxn ang="0">
                      <a:pos x="connsiteX202" y="connsiteY202"/>
                    </a:cxn>
                    <a:cxn ang="0">
                      <a:pos x="connsiteX203" y="connsiteY203"/>
                    </a:cxn>
                    <a:cxn ang="0">
                      <a:pos x="connsiteX204" y="connsiteY204"/>
                    </a:cxn>
                    <a:cxn ang="0">
                      <a:pos x="connsiteX205" y="connsiteY205"/>
                    </a:cxn>
                    <a:cxn ang="0">
                      <a:pos x="connsiteX206" y="connsiteY206"/>
                    </a:cxn>
                    <a:cxn ang="0">
                      <a:pos x="connsiteX207" y="connsiteY207"/>
                    </a:cxn>
                    <a:cxn ang="0">
                      <a:pos x="connsiteX208" y="connsiteY208"/>
                    </a:cxn>
                    <a:cxn ang="0">
                      <a:pos x="connsiteX209" y="connsiteY209"/>
                    </a:cxn>
                    <a:cxn ang="0">
                      <a:pos x="connsiteX210" y="connsiteY210"/>
                    </a:cxn>
                    <a:cxn ang="0">
                      <a:pos x="connsiteX211" y="connsiteY211"/>
                    </a:cxn>
                    <a:cxn ang="0">
                      <a:pos x="connsiteX212" y="connsiteY212"/>
                    </a:cxn>
                    <a:cxn ang="0">
                      <a:pos x="connsiteX213" y="connsiteY213"/>
                    </a:cxn>
                    <a:cxn ang="0">
                      <a:pos x="connsiteX214" y="connsiteY214"/>
                    </a:cxn>
                    <a:cxn ang="0">
                      <a:pos x="connsiteX215" y="connsiteY215"/>
                    </a:cxn>
                    <a:cxn ang="0">
                      <a:pos x="connsiteX216" y="connsiteY216"/>
                    </a:cxn>
                    <a:cxn ang="0">
                      <a:pos x="connsiteX217" y="connsiteY217"/>
                    </a:cxn>
                    <a:cxn ang="0">
                      <a:pos x="connsiteX218" y="connsiteY218"/>
                    </a:cxn>
                    <a:cxn ang="0">
                      <a:pos x="connsiteX219" y="connsiteY219"/>
                    </a:cxn>
                    <a:cxn ang="0">
                      <a:pos x="connsiteX220" y="connsiteY220"/>
                    </a:cxn>
                    <a:cxn ang="0">
                      <a:pos x="connsiteX221" y="connsiteY221"/>
                    </a:cxn>
                    <a:cxn ang="0">
                      <a:pos x="connsiteX222" y="connsiteY222"/>
                    </a:cxn>
                    <a:cxn ang="0">
                      <a:pos x="connsiteX223" y="connsiteY223"/>
                    </a:cxn>
                    <a:cxn ang="0">
                      <a:pos x="connsiteX224" y="connsiteY224"/>
                    </a:cxn>
                    <a:cxn ang="0">
                      <a:pos x="connsiteX225" y="connsiteY225"/>
                    </a:cxn>
                    <a:cxn ang="0">
                      <a:pos x="connsiteX226" y="connsiteY226"/>
                    </a:cxn>
                    <a:cxn ang="0">
                      <a:pos x="connsiteX227" y="connsiteY227"/>
                    </a:cxn>
                    <a:cxn ang="0">
                      <a:pos x="connsiteX228" y="connsiteY228"/>
                    </a:cxn>
                    <a:cxn ang="0">
                      <a:pos x="connsiteX229" y="connsiteY229"/>
                    </a:cxn>
                    <a:cxn ang="0">
                      <a:pos x="connsiteX230" y="connsiteY230"/>
                    </a:cxn>
                    <a:cxn ang="0">
                      <a:pos x="connsiteX231" y="connsiteY231"/>
                    </a:cxn>
                    <a:cxn ang="0">
                      <a:pos x="connsiteX232" y="connsiteY232"/>
                    </a:cxn>
                    <a:cxn ang="0">
                      <a:pos x="connsiteX233" y="connsiteY233"/>
                    </a:cxn>
                    <a:cxn ang="0">
                      <a:pos x="connsiteX234" y="connsiteY234"/>
                    </a:cxn>
                    <a:cxn ang="0">
                      <a:pos x="connsiteX235" y="connsiteY235"/>
                    </a:cxn>
                    <a:cxn ang="0">
                      <a:pos x="connsiteX236" y="connsiteY236"/>
                    </a:cxn>
                    <a:cxn ang="0">
                      <a:pos x="connsiteX237" y="connsiteY237"/>
                    </a:cxn>
                    <a:cxn ang="0">
                      <a:pos x="connsiteX238" y="connsiteY238"/>
                    </a:cxn>
                    <a:cxn ang="0">
                      <a:pos x="connsiteX239" y="connsiteY239"/>
                    </a:cxn>
                    <a:cxn ang="0">
                      <a:pos x="connsiteX240" y="connsiteY240"/>
                    </a:cxn>
                    <a:cxn ang="0">
                      <a:pos x="connsiteX241" y="connsiteY241"/>
                    </a:cxn>
                    <a:cxn ang="0">
                      <a:pos x="connsiteX242" y="connsiteY242"/>
                    </a:cxn>
                    <a:cxn ang="0">
                      <a:pos x="connsiteX243" y="connsiteY243"/>
                    </a:cxn>
                    <a:cxn ang="0">
                      <a:pos x="connsiteX244" y="connsiteY244"/>
                    </a:cxn>
                    <a:cxn ang="0">
                      <a:pos x="connsiteX245" y="connsiteY245"/>
                    </a:cxn>
                    <a:cxn ang="0">
                      <a:pos x="connsiteX246" y="connsiteY246"/>
                    </a:cxn>
                    <a:cxn ang="0">
                      <a:pos x="connsiteX247" y="connsiteY247"/>
                    </a:cxn>
                    <a:cxn ang="0">
                      <a:pos x="connsiteX248" y="connsiteY248"/>
                    </a:cxn>
                    <a:cxn ang="0">
                      <a:pos x="connsiteX249" y="connsiteY249"/>
                    </a:cxn>
                    <a:cxn ang="0">
                      <a:pos x="connsiteX250" y="connsiteY250"/>
                    </a:cxn>
                    <a:cxn ang="0">
                      <a:pos x="connsiteX251" y="connsiteY251"/>
                    </a:cxn>
                    <a:cxn ang="0">
                      <a:pos x="connsiteX252" y="connsiteY252"/>
                    </a:cxn>
                    <a:cxn ang="0">
                      <a:pos x="connsiteX253" y="connsiteY253"/>
                    </a:cxn>
                    <a:cxn ang="0">
                      <a:pos x="connsiteX254" y="connsiteY254"/>
                    </a:cxn>
                    <a:cxn ang="0">
                      <a:pos x="connsiteX255" y="connsiteY255"/>
                    </a:cxn>
                    <a:cxn ang="0">
                      <a:pos x="connsiteX256" y="connsiteY256"/>
                    </a:cxn>
                    <a:cxn ang="0">
                      <a:pos x="connsiteX257" y="connsiteY257"/>
                    </a:cxn>
                    <a:cxn ang="0">
                      <a:pos x="connsiteX258" y="connsiteY258"/>
                    </a:cxn>
                    <a:cxn ang="0">
                      <a:pos x="connsiteX259" y="connsiteY259"/>
                    </a:cxn>
                    <a:cxn ang="0">
                      <a:pos x="connsiteX260" y="connsiteY260"/>
                    </a:cxn>
                    <a:cxn ang="0">
                      <a:pos x="connsiteX261" y="connsiteY261"/>
                    </a:cxn>
                    <a:cxn ang="0">
                      <a:pos x="connsiteX262" y="connsiteY262"/>
                    </a:cxn>
                    <a:cxn ang="0">
                      <a:pos x="connsiteX263" y="connsiteY263"/>
                    </a:cxn>
                    <a:cxn ang="0">
                      <a:pos x="connsiteX264" y="connsiteY264"/>
                    </a:cxn>
                    <a:cxn ang="0">
                      <a:pos x="connsiteX265" y="connsiteY265"/>
                    </a:cxn>
                    <a:cxn ang="0">
                      <a:pos x="connsiteX266" y="connsiteY266"/>
                    </a:cxn>
                    <a:cxn ang="0">
                      <a:pos x="connsiteX267" y="connsiteY267"/>
                    </a:cxn>
                    <a:cxn ang="0">
                      <a:pos x="connsiteX268" y="connsiteY268"/>
                    </a:cxn>
                    <a:cxn ang="0">
                      <a:pos x="connsiteX269" y="connsiteY269"/>
                    </a:cxn>
                    <a:cxn ang="0">
                      <a:pos x="connsiteX270" y="connsiteY270"/>
                    </a:cxn>
                    <a:cxn ang="0">
                      <a:pos x="connsiteX271" y="connsiteY271"/>
                    </a:cxn>
                    <a:cxn ang="0">
                      <a:pos x="connsiteX272" y="connsiteY272"/>
                    </a:cxn>
                    <a:cxn ang="0">
                      <a:pos x="connsiteX273" y="connsiteY273"/>
                    </a:cxn>
                    <a:cxn ang="0">
                      <a:pos x="connsiteX274" y="connsiteY274"/>
                    </a:cxn>
                    <a:cxn ang="0">
                      <a:pos x="connsiteX275" y="connsiteY275"/>
                    </a:cxn>
                    <a:cxn ang="0">
                      <a:pos x="connsiteX276" y="connsiteY276"/>
                    </a:cxn>
                    <a:cxn ang="0">
                      <a:pos x="connsiteX277" y="connsiteY277"/>
                    </a:cxn>
                    <a:cxn ang="0">
                      <a:pos x="connsiteX278" y="connsiteY278"/>
                    </a:cxn>
                    <a:cxn ang="0">
                      <a:pos x="connsiteX279" y="connsiteY279"/>
                    </a:cxn>
                    <a:cxn ang="0">
                      <a:pos x="connsiteX280" y="connsiteY280"/>
                    </a:cxn>
                  </a:cxnLst>
                  <a:rect l="l" t="t" r="r" b="b"/>
                  <a:pathLst>
                    <a:path w="696277" h="168592">
                      <a:moveTo>
                        <a:pt x="501015" y="72390"/>
                      </a:moveTo>
                      <a:cubicBezTo>
                        <a:pt x="529590" y="72390"/>
                        <a:pt x="541020" y="62865"/>
                        <a:pt x="545783" y="40005"/>
                      </a:cubicBezTo>
                      <a:lnTo>
                        <a:pt x="552450" y="4763"/>
                      </a:lnTo>
                      <a:cubicBezTo>
                        <a:pt x="552450" y="2858"/>
                        <a:pt x="551498" y="1905"/>
                        <a:pt x="549593" y="1905"/>
                      </a:cubicBezTo>
                      <a:lnTo>
                        <a:pt x="535305" y="1905"/>
                      </a:lnTo>
                      <a:lnTo>
                        <a:pt x="531495" y="21908"/>
                      </a:lnTo>
                      <a:lnTo>
                        <a:pt x="529590" y="32385"/>
                      </a:lnTo>
                      <a:lnTo>
                        <a:pt x="527685" y="41910"/>
                      </a:lnTo>
                      <a:cubicBezTo>
                        <a:pt x="524828" y="55245"/>
                        <a:pt x="517208" y="60960"/>
                        <a:pt x="502920" y="60960"/>
                      </a:cubicBezTo>
                      <a:cubicBezTo>
                        <a:pt x="487680" y="60960"/>
                        <a:pt x="482917" y="55245"/>
                        <a:pt x="485775" y="41910"/>
                      </a:cubicBezTo>
                      <a:cubicBezTo>
                        <a:pt x="485775" y="41910"/>
                        <a:pt x="486728" y="39053"/>
                        <a:pt x="486728" y="38100"/>
                      </a:cubicBezTo>
                      <a:lnTo>
                        <a:pt x="489585" y="21908"/>
                      </a:lnTo>
                      <a:lnTo>
                        <a:pt x="493395" y="1905"/>
                      </a:lnTo>
                      <a:lnTo>
                        <a:pt x="479108" y="1905"/>
                      </a:lnTo>
                      <a:cubicBezTo>
                        <a:pt x="477203" y="1905"/>
                        <a:pt x="475298" y="2858"/>
                        <a:pt x="475298" y="4763"/>
                      </a:cubicBezTo>
                      <a:lnTo>
                        <a:pt x="468630" y="40005"/>
                      </a:lnTo>
                      <a:cubicBezTo>
                        <a:pt x="463867" y="64770"/>
                        <a:pt x="476250" y="72390"/>
                        <a:pt x="501015" y="72390"/>
                      </a:cubicBezTo>
                      <a:lnTo>
                        <a:pt x="501015" y="72390"/>
                      </a:lnTo>
                      <a:close/>
                      <a:moveTo>
                        <a:pt x="10477" y="111443"/>
                      </a:moveTo>
                      <a:cubicBezTo>
                        <a:pt x="8573" y="120968"/>
                        <a:pt x="16193" y="125730"/>
                        <a:pt x="31432" y="135255"/>
                      </a:cubicBezTo>
                      <a:cubicBezTo>
                        <a:pt x="48577" y="145733"/>
                        <a:pt x="52388" y="146685"/>
                        <a:pt x="50482" y="152400"/>
                      </a:cubicBezTo>
                      <a:cubicBezTo>
                        <a:pt x="49530" y="157163"/>
                        <a:pt x="44768" y="157163"/>
                        <a:pt x="37148" y="157163"/>
                      </a:cubicBezTo>
                      <a:lnTo>
                        <a:pt x="6668" y="157163"/>
                      </a:lnTo>
                      <a:cubicBezTo>
                        <a:pt x="2857" y="157163"/>
                        <a:pt x="952" y="158115"/>
                        <a:pt x="952" y="161925"/>
                      </a:cubicBezTo>
                      <a:lnTo>
                        <a:pt x="0" y="167640"/>
                      </a:lnTo>
                      <a:lnTo>
                        <a:pt x="38100" y="167640"/>
                      </a:lnTo>
                      <a:cubicBezTo>
                        <a:pt x="55245" y="167640"/>
                        <a:pt x="66675" y="166688"/>
                        <a:pt x="70485" y="156210"/>
                      </a:cubicBezTo>
                      <a:cubicBezTo>
                        <a:pt x="72390" y="151448"/>
                        <a:pt x="72390" y="145733"/>
                        <a:pt x="67627" y="140018"/>
                      </a:cubicBezTo>
                      <a:cubicBezTo>
                        <a:pt x="64770" y="137160"/>
                        <a:pt x="61913" y="135255"/>
                        <a:pt x="57150" y="132398"/>
                      </a:cubicBezTo>
                      <a:cubicBezTo>
                        <a:pt x="35243" y="120015"/>
                        <a:pt x="29527" y="119063"/>
                        <a:pt x="30480" y="112395"/>
                      </a:cubicBezTo>
                      <a:cubicBezTo>
                        <a:pt x="31432" y="108585"/>
                        <a:pt x="33338" y="108585"/>
                        <a:pt x="41910" y="108585"/>
                      </a:cubicBezTo>
                      <a:lnTo>
                        <a:pt x="67627" y="108585"/>
                      </a:lnTo>
                      <a:cubicBezTo>
                        <a:pt x="71438" y="108585"/>
                        <a:pt x="73343" y="107633"/>
                        <a:pt x="73343" y="103823"/>
                      </a:cubicBezTo>
                      <a:lnTo>
                        <a:pt x="74295" y="97155"/>
                      </a:lnTo>
                      <a:lnTo>
                        <a:pt x="41910" y="97155"/>
                      </a:lnTo>
                      <a:cubicBezTo>
                        <a:pt x="24765" y="98108"/>
                        <a:pt x="13335" y="98108"/>
                        <a:pt x="10477" y="111443"/>
                      </a:cubicBezTo>
                      <a:lnTo>
                        <a:pt x="10477" y="111443"/>
                      </a:lnTo>
                      <a:close/>
                      <a:moveTo>
                        <a:pt x="180023" y="111443"/>
                      </a:moveTo>
                      <a:cubicBezTo>
                        <a:pt x="178118" y="120968"/>
                        <a:pt x="185738" y="125730"/>
                        <a:pt x="200977" y="135255"/>
                      </a:cubicBezTo>
                      <a:cubicBezTo>
                        <a:pt x="218123" y="145733"/>
                        <a:pt x="221933" y="146685"/>
                        <a:pt x="220027" y="152400"/>
                      </a:cubicBezTo>
                      <a:cubicBezTo>
                        <a:pt x="219075" y="157163"/>
                        <a:pt x="214313" y="157163"/>
                        <a:pt x="206693" y="157163"/>
                      </a:cubicBezTo>
                      <a:lnTo>
                        <a:pt x="176213" y="157163"/>
                      </a:lnTo>
                      <a:cubicBezTo>
                        <a:pt x="172402" y="157163"/>
                        <a:pt x="170498" y="158115"/>
                        <a:pt x="170498" y="161925"/>
                      </a:cubicBezTo>
                      <a:lnTo>
                        <a:pt x="169545" y="168593"/>
                      </a:lnTo>
                      <a:lnTo>
                        <a:pt x="207645" y="168593"/>
                      </a:lnTo>
                      <a:cubicBezTo>
                        <a:pt x="224790" y="168593"/>
                        <a:pt x="236220" y="167640"/>
                        <a:pt x="240030" y="157163"/>
                      </a:cubicBezTo>
                      <a:cubicBezTo>
                        <a:pt x="241935" y="152400"/>
                        <a:pt x="241935" y="146685"/>
                        <a:pt x="237173" y="140970"/>
                      </a:cubicBezTo>
                      <a:cubicBezTo>
                        <a:pt x="234315" y="138113"/>
                        <a:pt x="231458" y="136208"/>
                        <a:pt x="226695" y="133350"/>
                      </a:cubicBezTo>
                      <a:cubicBezTo>
                        <a:pt x="204788" y="120968"/>
                        <a:pt x="199073" y="120015"/>
                        <a:pt x="200025" y="113348"/>
                      </a:cubicBezTo>
                      <a:cubicBezTo>
                        <a:pt x="200977" y="109538"/>
                        <a:pt x="202883" y="109538"/>
                        <a:pt x="211455" y="109538"/>
                      </a:cubicBezTo>
                      <a:lnTo>
                        <a:pt x="237173" y="109538"/>
                      </a:lnTo>
                      <a:cubicBezTo>
                        <a:pt x="240983" y="109538"/>
                        <a:pt x="242888" y="108585"/>
                        <a:pt x="242888" y="104775"/>
                      </a:cubicBezTo>
                      <a:lnTo>
                        <a:pt x="243840" y="98108"/>
                      </a:lnTo>
                      <a:lnTo>
                        <a:pt x="211455" y="98108"/>
                      </a:lnTo>
                      <a:cubicBezTo>
                        <a:pt x="193358" y="98108"/>
                        <a:pt x="182880" y="98108"/>
                        <a:pt x="180023" y="111443"/>
                      </a:cubicBezTo>
                      <a:lnTo>
                        <a:pt x="180023" y="111443"/>
                      </a:lnTo>
                      <a:close/>
                      <a:moveTo>
                        <a:pt x="607695" y="111443"/>
                      </a:moveTo>
                      <a:cubicBezTo>
                        <a:pt x="605790" y="120968"/>
                        <a:pt x="613410" y="125730"/>
                        <a:pt x="628650" y="135255"/>
                      </a:cubicBezTo>
                      <a:cubicBezTo>
                        <a:pt x="645795" y="145733"/>
                        <a:pt x="649605" y="146685"/>
                        <a:pt x="647700" y="152400"/>
                      </a:cubicBezTo>
                      <a:cubicBezTo>
                        <a:pt x="646748" y="157163"/>
                        <a:pt x="641985" y="157163"/>
                        <a:pt x="634365" y="157163"/>
                      </a:cubicBezTo>
                      <a:lnTo>
                        <a:pt x="603885" y="157163"/>
                      </a:lnTo>
                      <a:cubicBezTo>
                        <a:pt x="600075" y="157163"/>
                        <a:pt x="598170" y="158115"/>
                        <a:pt x="598170" y="161925"/>
                      </a:cubicBezTo>
                      <a:lnTo>
                        <a:pt x="597218" y="168593"/>
                      </a:lnTo>
                      <a:lnTo>
                        <a:pt x="635318" y="168593"/>
                      </a:lnTo>
                      <a:cubicBezTo>
                        <a:pt x="652463" y="168593"/>
                        <a:pt x="663893" y="167640"/>
                        <a:pt x="667703" y="157163"/>
                      </a:cubicBezTo>
                      <a:cubicBezTo>
                        <a:pt x="669608" y="152400"/>
                        <a:pt x="669608" y="146685"/>
                        <a:pt x="664845" y="140970"/>
                      </a:cubicBezTo>
                      <a:cubicBezTo>
                        <a:pt x="661988" y="138113"/>
                        <a:pt x="659130" y="136208"/>
                        <a:pt x="654368" y="133350"/>
                      </a:cubicBezTo>
                      <a:cubicBezTo>
                        <a:pt x="632460" y="120968"/>
                        <a:pt x="626745" y="120015"/>
                        <a:pt x="627698" y="113348"/>
                      </a:cubicBezTo>
                      <a:cubicBezTo>
                        <a:pt x="628650" y="109538"/>
                        <a:pt x="630555" y="109538"/>
                        <a:pt x="639128" y="109538"/>
                      </a:cubicBezTo>
                      <a:lnTo>
                        <a:pt x="664845" y="109538"/>
                      </a:lnTo>
                      <a:cubicBezTo>
                        <a:pt x="668655" y="109538"/>
                        <a:pt x="670560" y="108585"/>
                        <a:pt x="670560" y="104775"/>
                      </a:cubicBezTo>
                      <a:lnTo>
                        <a:pt x="671513" y="98108"/>
                      </a:lnTo>
                      <a:lnTo>
                        <a:pt x="639128" y="98108"/>
                      </a:lnTo>
                      <a:cubicBezTo>
                        <a:pt x="621030" y="98108"/>
                        <a:pt x="610553" y="98108"/>
                        <a:pt x="607695" y="111443"/>
                      </a:cubicBezTo>
                      <a:lnTo>
                        <a:pt x="607695" y="111443"/>
                      </a:lnTo>
                      <a:close/>
                      <a:moveTo>
                        <a:pt x="355283" y="59055"/>
                      </a:moveTo>
                      <a:cubicBezTo>
                        <a:pt x="357188" y="54293"/>
                        <a:pt x="357188" y="48578"/>
                        <a:pt x="352425" y="42863"/>
                      </a:cubicBezTo>
                      <a:cubicBezTo>
                        <a:pt x="349567" y="40005"/>
                        <a:pt x="346710" y="38100"/>
                        <a:pt x="341948" y="35243"/>
                      </a:cubicBezTo>
                      <a:cubicBezTo>
                        <a:pt x="320040" y="22860"/>
                        <a:pt x="314325" y="21908"/>
                        <a:pt x="315278" y="15240"/>
                      </a:cubicBezTo>
                      <a:cubicBezTo>
                        <a:pt x="316230" y="11430"/>
                        <a:pt x="318135" y="11430"/>
                        <a:pt x="326708" y="11430"/>
                      </a:cubicBezTo>
                      <a:lnTo>
                        <a:pt x="352425" y="11430"/>
                      </a:lnTo>
                      <a:cubicBezTo>
                        <a:pt x="356235" y="11430"/>
                        <a:pt x="358140" y="10478"/>
                        <a:pt x="358140" y="6668"/>
                      </a:cubicBezTo>
                      <a:lnTo>
                        <a:pt x="359092" y="0"/>
                      </a:lnTo>
                      <a:lnTo>
                        <a:pt x="326708" y="0"/>
                      </a:lnTo>
                      <a:cubicBezTo>
                        <a:pt x="308610" y="0"/>
                        <a:pt x="297180" y="0"/>
                        <a:pt x="294323" y="13335"/>
                      </a:cubicBezTo>
                      <a:cubicBezTo>
                        <a:pt x="292417" y="22860"/>
                        <a:pt x="300038" y="27623"/>
                        <a:pt x="315278" y="37148"/>
                      </a:cubicBezTo>
                      <a:cubicBezTo>
                        <a:pt x="332423" y="47625"/>
                        <a:pt x="336233" y="48578"/>
                        <a:pt x="334328" y="54293"/>
                      </a:cubicBezTo>
                      <a:cubicBezTo>
                        <a:pt x="333375" y="59055"/>
                        <a:pt x="328613" y="59055"/>
                        <a:pt x="320992" y="59055"/>
                      </a:cubicBezTo>
                      <a:lnTo>
                        <a:pt x="290513" y="59055"/>
                      </a:lnTo>
                      <a:cubicBezTo>
                        <a:pt x="286703" y="59055"/>
                        <a:pt x="284798" y="60008"/>
                        <a:pt x="284798" y="63818"/>
                      </a:cubicBezTo>
                      <a:lnTo>
                        <a:pt x="283845" y="70485"/>
                      </a:lnTo>
                      <a:lnTo>
                        <a:pt x="321945" y="70485"/>
                      </a:lnTo>
                      <a:cubicBezTo>
                        <a:pt x="340042" y="71438"/>
                        <a:pt x="350520" y="69533"/>
                        <a:pt x="355283" y="59055"/>
                      </a:cubicBezTo>
                      <a:lnTo>
                        <a:pt x="355283" y="59055"/>
                      </a:lnTo>
                      <a:close/>
                      <a:moveTo>
                        <a:pt x="273368" y="59055"/>
                      </a:moveTo>
                      <a:cubicBezTo>
                        <a:pt x="275273" y="54293"/>
                        <a:pt x="275273" y="48578"/>
                        <a:pt x="270510" y="42863"/>
                      </a:cubicBezTo>
                      <a:cubicBezTo>
                        <a:pt x="267653" y="40005"/>
                        <a:pt x="264795" y="38100"/>
                        <a:pt x="260033" y="35243"/>
                      </a:cubicBezTo>
                      <a:cubicBezTo>
                        <a:pt x="238125" y="22860"/>
                        <a:pt x="232410" y="21908"/>
                        <a:pt x="233363" y="15240"/>
                      </a:cubicBezTo>
                      <a:cubicBezTo>
                        <a:pt x="234315" y="11430"/>
                        <a:pt x="236220" y="11430"/>
                        <a:pt x="244793" y="11430"/>
                      </a:cubicBezTo>
                      <a:lnTo>
                        <a:pt x="270510" y="11430"/>
                      </a:lnTo>
                      <a:cubicBezTo>
                        <a:pt x="274320" y="11430"/>
                        <a:pt x="276225" y="10478"/>
                        <a:pt x="276225" y="6668"/>
                      </a:cubicBezTo>
                      <a:lnTo>
                        <a:pt x="277178" y="0"/>
                      </a:lnTo>
                      <a:lnTo>
                        <a:pt x="244793" y="0"/>
                      </a:lnTo>
                      <a:cubicBezTo>
                        <a:pt x="226695" y="0"/>
                        <a:pt x="215265" y="0"/>
                        <a:pt x="212408" y="13335"/>
                      </a:cubicBezTo>
                      <a:cubicBezTo>
                        <a:pt x="210502" y="22860"/>
                        <a:pt x="218123" y="27623"/>
                        <a:pt x="233363" y="37148"/>
                      </a:cubicBezTo>
                      <a:cubicBezTo>
                        <a:pt x="250508" y="47625"/>
                        <a:pt x="254318" y="48578"/>
                        <a:pt x="252413" y="54293"/>
                      </a:cubicBezTo>
                      <a:cubicBezTo>
                        <a:pt x="251460" y="59055"/>
                        <a:pt x="246698" y="59055"/>
                        <a:pt x="239077" y="59055"/>
                      </a:cubicBezTo>
                      <a:lnTo>
                        <a:pt x="209550" y="59055"/>
                      </a:lnTo>
                      <a:cubicBezTo>
                        <a:pt x="205740" y="59055"/>
                        <a:pt x="203835" y="60008"/>
                        <a:pt x="203835" y="63818"/>
                      </a:cubicBezTo>
                      <a:lnTo>
                        <a:pt x="202883" y="70485"/>
                      </a:lnTo>
                      <a:lnTo>
                        <a:pt x="240983" y="70485"/>
                      </a:lnTo>
                      <a:cubicBezTo>
                        <a:pt x="258127" y="71438"/>
                        <a:pt x="269558" y="69533"/>
                        <a:pt x="273368" y="59055"/>
                      </a:cubicBezTo>
                      <a:lnTo>
                        <a:pt x="273368" y="59055"/>
                      </a:lnTo>
                      <a:close/>
                      <a:moveTo>
                        <a:pt x="629603" y="953"/>
                      </a:moveTo>
                      <a:cubicBezTo>
                        <a:pt x="625793" y="953"/>
                        <a:pt x="623888" y="1905"/>
                        <a:pt x="623888" y="4763"/>
                      </a:cubicBezTo>
                      <a:lnTo>
                        <a:pt x="622935" y="11430"/>
                      </a:lnTo>
                      <a:lnTo>
                        <a:pt x="650558" y="11430"/>
                      </a:lnTo>
                      <a:lnTo>
                        <a:pt x="639128" y="70485"/>
                      </a:lnTo>
                      <a:lnTo>
                        <a:pt x="651510" y="70485"/>
                      </a:lnTo>
                      <a:cubicBezTo>
                        <a:pt x="655320" y="70485"/>
                        <a:pt x="657225" y="69533"/>
                        <a:pt x="657225" y="65723"/>
                      </a:cubicBezTo>
                      <a:lnTo>
                        <a:pt x="667703" y="11430"/>
                      </a:lnTo>
                      <a:lnTo>
                        <a:pt x="690563" y="11430"/>
                      </a:lnTo>
                      <a:cubicBezTo>
                        <a:pt x="693420" y="11430"/>
                        <a:pt x="695325" y="9525"/>
                        <a:pt x="695325" y="7620"/>
                      </a:cubicBezTo>
                      <a:lnTo>
                        <a:pt x="696278" y="953"/>
                      </a:lnTo>
                      <a:lnTo>
                        <a:pt x="629603" y="953"/>
                      </a:lnTo>
                      <a:lnTo>
                        <a:pt x="629603" y="953"/>
                      </a:lnTo>
                      <a:close/>
                      <a:moveTo>
                        <a:pt x="31432" y="20955"/>
                      </a:moveTo>
                      <a:cubicBezTo>
                        <a:pt x="29527" y="20955"/>
                        <a:pt x="28575" y="21908"/>
                        <a:pt x="28575" y="22860"/>
                      </a:cubicBezTo>
                      <a:lnTo>
                        <a:pt x="19050" y="70485"/>
                      </a:lnTo>
                      <a:lnTo>
                        <a:pt x="60007" y="70485"/>
                      </a:lnTo>
                      <a:cubicBezTo>
                        <a:pt x="82868" y="70485"/>
                        <a:pt x="99060" y="61913"/>
                        <a:pt x="103823" y="35243"/>
                      </a:cubicBezTo>
                      <a:cubicBezTo>
                        <a:pt x="107632" y="15240"/>
                        <a:pt x="99060" y="953"/>
                        <a:pt x="75248" y="953"/>
                      </a:cubicBezTo>
                      <a:lnTo>
                        <a:pt x="25718" y="953"/>
                      </a:lnTo>
                      <a:cubicBezTo>
                        <a:pt x="25718" y="953"/>
                        <a:pt x="25718" y="1905"/>
                        <a:pt x="25718" y="1905"/>
                      </a:cubicBezTo>
                      <a:cubicBezTo>
                        <a:pt x="24765" y="6668"/>
                        <a:pt x="24765" y="11430"/>
                        <a:pt x="33338" y="11430"/>
                      </a:cubicBezTo>
                      <a:lnTo>
                        <a:pt x="69532" y="11430"/>
                      </a:lnTo>
                      <a:cubicBezTo>
                        <a:pt x="86677" y="11430"/>
                        <a:pt x="89535" y="20003"/>
                        <a:pt x="85725" y="35243"/>
                      </a:cubicBezTo>
                      <a:cubicBezTo>
                        <a:pt x="81915" y="50483"/>
                        <a:pt x="76200" y="58103"/>
                        <a:pt x="62865" y="59055"/>
                      </a:cubicBezTo>
                      <a:lnTo>
                        <a:pt x="38100" y="59055"/>
                      </a:lnTo>
                      <a:lnTo>
                        <a:pt x="45720" y="19050"/>
                      </a:lnTo>
                      <a:lnTo>
                        <a:pt x="31432" y="19050"/>
                      </a:lnTo>
                      <a:lnTo>
                        <a:pt x="31432" y="20955"/>
                      </a:lnTo>
                      <a:close/>
                      <a:moveTo>
                        <a:pt x="620078" y="64770"/>
                      </a:moveTo>
                      <a:cubicBezTo>
                        <a:pt x="621030" y="61913"/>
                        <a:pt x="619125" y="60960"/>
                        <a:pt x="617220" y="60960"/>
                      </a:cubicBezTo>
                      <a:lnTo>
                        <a:pt x="580073" y="60960"/>
                      </a:lnTo>
                      <a:lnTo>
                        <a:pt x="591503" y="4763"/>
                      </a:lnTo>
                      <a:cubicBezTo>
                        <a:pt x="591503" y="3810"/>
                        <a:pt x="590550" y="2858"/>
                        <a:pt x="589598" y="2858"/>
                      </a:cubicBezTo>
                      <a:lnTo>
                        <a:pt x="574358" y="2858"/>
                      </a:lnTo>
                      <a:lnTo>
                        <a:pt x="561023" y="72390"/>
                      </a:lnTo>
                      <a:lnTo>
                        <a:pt x="620078" y="72390"/>
                      </a:lnTo>
                      <a:lnTo>
                        <a:pt x="620078" y="64770"/>
                      </a:lnTo>
                      <a:lnTo>
                        <a:pt x="620078" y="64770"/>
                      </a:lnTo>
                      <a:close/>
                      <a:moveTo>
                        <a:pt x="508635" y="98108"/>
                      </a:moveTo>
                      <a:lnTo>
                        <a:pt x="492442" y="98108"/>
                      </a:lnTo>
                      <a:lnTo>
                        <a:pt x="461963" y="124778"/>
                      </a:lnTo>
                      <a:lnTo>
                        <a:pt x="441960" y="97155"/>
                      </a:lnTo>
                      <a:lnTo>
                        <a:pt x="425767" y="97155"/>
                      </a:lnTo>
                      <a:cubicBezTo>
                        <a:pt x="422910" y="97155"/>
                        <a:pt x="421958" y="99060"/>
                        <a:pt x="421005" y="101918"/>
                      </a:cubicBezTo>
                      <a:lnTo>
                        <a:pt x="408623" y="166688"/>
                      </a:lnTo>
                      <a:lnTo>
                        <a:pt x="421958" y="166688"/>
                      </a:lnTo>
                      <a:cubicBezTo>
                        <a:pt x="424815" y="166688"/>
                        <a:pt x="426720" y="165735"/>
                        <a:pt x="426720" y="162878"/>
                      </a:cubicBezTo>
                      <a:lnTo>
                        <a:pt x="436245" y="114300"/>
                      </a:lnTo>
                      <a:lnTo>
                        <a:pt x="451485" y="136208"/>
                      </a:lnTo>
                      <a:cubicBezTo>
                        <a:pt x="451485" y="137160"/>
                        <a:pt x="453390" y="138113"/>
                        <a:pt x="455295" y="138113"/>
                      </a:cubicBezTo>
                      <a:lnTo>
                        <a:pt x="461963" y="138113"/>
                      </a:lnTo>
                      <a:cubicBezTo>
                        <a:pt x="463867" y="138113"/>
                        <a:pt x="465773" y="137160"/>
                        <a:pt x="466725" y="136208"/>
                      </a:cubicBezTo>
                      <a:lnTo>
                        <a:pt x="490538" y="114300"/>
                      </a:lnTo>
                      <a:lnTo>
                        <a:pt x="481013" y="162878"/>
                      </a:lnTo>
                      <a:cubicBezTo>
                        <a:pt x="480060" y="165735"/>
                        <a:pt x="481965" y="166688"/>
                        <a:pt x="484823" y="166688"/>
                      </a:cubicBezTo>
                      <a:lnTo>
                        <a:pt x="498158" y="166688"/>
                      </a:lnTo>
                      <a:lnTo>
                        <a:pt x="510540" y="101918"/>
                      </a:lnTo>
                      <a:cubicBezTo>
                        <a:pt x="511492" y="100013"/>
                        <a:pt x="510540" y="98108"/>
                        <a:pt x="508635" y="98108"/>
                      </a:cubicBezTo>
                      <a:lnTo>
                        <a:pt x="508635" y="98108"/>
                      </a:lnTo>
                      <a:close/>
                      <a:moveTo>
                        <a:pt x="340995" y="102870"/>
                      </a:moveTo>
                      <a:lnTo>
                        <a:pt x="328613" y="167640"/>
                      </a:lnTo>
                      <a:lnTo>
                        <a:pt x="393383" y="167640"/>
                      </a:lnTo>
                      <a:lnTo>
                        <a:pt x="394335" y="160973"/>
                      </a:lnTo>
                      <a:cubicBezTo>
                        <a:pt x="395288" y="158115"/>
                        <a:pt x="394335" y="157163"/>
                        <a:pt x="390525" y="157163"/>
                      </a:cubicBezTo>
                      <a:lnTo>
                        <a:pt x="347663" y="157163"/>
                      </a:lnTo>
                      <a:lnTo>
                        <a:pt x="351473" y="138113"/>
                      </a:lnTo>
                      <a:lnTo>
                        <a:pt x="389573" y="138113"/>
                      </a:lnTo>
                      <a:cubicBezTo>
                        <a:pt x="390525" y="138113"/>
                        <a:pt x="391478" y="137160"/>
                        <a:pt x="391478" y="136208"/>
                      </a:cubicBezTo>
                      <a:lnTo>
                        <a:pt x="393383" y="128588"/>
                      </a:lnTo>
                      <a:cubicBezTo>
                        <a:pt x="393383" y="127635"/>
                        <a:pt x="393383" y="126683"/>
                        <a:pt x="392430" y="126683"/>
                      </a:cubicBezTo>
                      <a:lnTo>
                        <a:pt x="354330" y="126683"/>
                      </a:lnTo>
                      <a:lnTo>
                        <a:pt x="358140" y="107633"/>
                      </a:lnTo>
                      <a:lnTo>
                        <a:pt x="399098" y="107633"/>
                      </a:lnTo>
                      <a:cubicBezTo>
                        <a:pt x="401003" y="107633"/>
                        <a:pt x="402908" y="107633"/>
                        <a:pt x="403860" y="104775"/>
                      </a:cubicBezTo>
                      <a:lnTo>
                        <a:pt x="405765" y="96203"/>
                      </a:lnTo>
                      <a:lnTo>
                        <a:pt x="347663" y="96203"/>
                      </a:lnTo>
                      <a:cubicBezTo>
                        <a:pt x="343853" y="98108"/>
                        <a:pt x="341948" y="99060"/>
                        <a:pt x="340995" y="102870"/>
                      </a:cubicBezTo>
                      <a:lnTo>
                        <a:pt x="340995" y="102870"/>
                      </a:lnTo>
                      <a:close/>
                      <a:moveTo>
                        <a:pt x="532448" y="102870"/>
                      </a:moveTo>
                      <a:lnTo>
                        <a:pt x="520065" y="167640"/>
                      </a:lnTo>
                      <a:lnTo>
                        <a:pt x="584835" y="167640"/>
                      </a:lnTo>
                      <a:lnTo>
                        <a:pt x="585788" y="160973"/>
                      </a:lnTo>
                      <a:cubicBezTo>
                        <a:pt x="586740" y="158115"/>
                        <a:pt x="585788" y="157163"/>
                        <a:pt x="581978" y="157163"/>
                      </a:cubicBezTo>
                      <a:lnTo>
                        <a:pt x="539115" y="157163"/>
                      </a:lnTo>
                      <a:lnTo>
                        <a:pt x="542925" y="138113"/>
                      </a:lnTo>
                      <a:lnTo>
                        <a:pt x="581025" y="138113"/>
                      </a:lnTo>
                      <a:cubicBezTo>
                        <a:pt x="581978" y="138113"/>
                        <a:pt x="582930" y="137160"/>
                        <a:pt x="582930" y="136208"/>
                      </a:cubicBezTo>
                      <a:lnTo>
                        <a:pt x="584835" y="128588"/>
                      </a:lnTo>
                      <a:cubicBezTo>
                        <a:pt x="584835" y="127635"/>
                        <a:pt x="584835" y="126683"/>
                        <a:pt x="583883" y="126683"/>
                      </a:cubicBezTo>
                      <a:lnTo>
                        <a:pt x="545783" y="126683"/>
                      </a:lnTo>
                      <a:lnTo>
                        <a:pt x="549593" y="107633"/>
                      </a:lnTo>
                      <a:lnTo>
                        <a:pt x="590550" y="107633"/>
                      </a:lnTo>
                      <a:cubicBezTo>
                        <a:pt x="592455" y="107633"/>
                        <a:pt x="594360" y="107633"/>
                        <a:pt x="595313" y="104775"/>
                      </a:cubicBezTo>
                      <a:lnTo>
                        <a:pt x="597218" y="96203"/>
                      </a:lnTo>
                      <a:lnTo>
                        <a:pt x="539115" y="96203"/>
                      </a:lnTo>
                      <a:cubicBezTo>
                        <a:pt x="535305" y="98108"/>
                        <a:pt x="533400" y="99060"/>
                        <a:pt x="532448" y="102870"/>
                      </a:cubicBezTo>
                      <a:lnTo>
                        <a:pt x="532448" y="102870"/>
                      </a:lnTo>
                      <a:close/>
                      <a:moveTo>
                        <a:pt x="145733" y="100013"/>
                      </a:moveTo>
                      <a:lnTo>
                        <a:pt x="140018" y="131445"/>
                      </a:lnTo>
                      <a:cubicBezTo>
                        <a:pt x="129540" y="134303"/>
                        <a:pt x="100965" y="140970"/>
                        <a:pt x="105727" y="118110"/>
                      </a:cubicBezTo>
                      <a:lnTo>
                        <a:pt x="109538" y="97155"/>
                      </a:lnTo>
                      <a:lnTo>
                        <a:pt x="95250" y="97155"/>
                      </a:lnTo>
                      <a:cubicBezTo>
                        <a:pt x="93345" y="97155"/>
                        <a:pt x="92393" y="98108"/>
                        <a:pt x="92393" y="99060"/>
                      </a:cubicBezTo>
                      <a:lnTo>
                        <a:pt x="88582" y="118110"/>
                      </a:lnTo>
                      <a:cubicBezTo>
                        <a:pt x="81915" y="154305"/>
                        <a:pt x="116205" y="149543"/>
                        <a:pt x="138113" y="142875"/>
                      </a:cubicBezTo>
                      <a:lnTo>
                        <a:pt x="133350" y="167640"/>
                      </a:lnTo>
                      <a:lnTo>
                        <a:pt x="145733" y="167640"/>
                      </a:lnTo>
                      <a:cubicBezTo>
                        <a:pt x="149543" y="167640"/>
                        <a:pt x="151448" y="166688"/>
                        <a:pt x="151448" y="162878"/>
                      </a:cubicBezTo>
                      <a:lnTo>
                        <a:pt x="163830" y="98108"/>
                      </a:lnTo>
                      <a:lnTo>
                        <a:pt x="148590" y="98108"/>
                      </a:lnTo>
                      <a:cubicBezTo>
                        <a:pt x="147638" y="98108"/>
                        <a:pt x="146685" y="99060"/>
                        <a:pt x="145733" y="100013"/>
                      </a:cubicBezTo>
                      <a:lnTo>
                        <a:pt x="145733" y="100013"/>
                      </a:lnTo>
                      <a:close/>
                      <a:moveTo>
                        <a:pt x="330517" y="104775"/>
                      </a:moveTo>
                      <a:lnTo>
                        <a:pt x="331470" y="98108"/>
                      </a:lnTo>
                      <a:lnTo>
                        <a:pt x="264795" y="98108"/>
                      </a:lnTo>
                      <a:cubicBezTo>
                        <a:pt x="260985" y="98108"/>
                        <a:pt x="259080" y="99060"/>
                        <a:pt x="259080" y="101918"/>
                      </a:cubicBezTo>
                      <a:lnTo>
                        <a:pt x="257175" y="108585"/>
                      </a:lnTo>
                      <a:lnTo>
                        <a:pt x="284798" y="108585"/>
                      </a:lnTo>
                      <a:lnTo>
                        <a:pt x="273368" y="167640"/>
                      </a:lnTo>
                      <a:lnTo>
                        <a:pt x="285750" y="167640"/>
                      </a:lnTo>
                      <a:cubicBezTo>
                        <a:pt x="289560" y="167640"/>
                        <a:pt x="291465" y="166688"/>
                        <a:pt x="291465" y="162878"/>
                      </a:cubicBezTo>
                      <a:lnTo>
                        <a:pt x="301942" y="108585"/>
                      </a:lnTo>
                      <a:lnTo>
                        <a:pt x="324803" y="108585"/>
                      </a:lnTo>
                      <a:cubicBezTo>
                        <a:pt x="328613" y="108585"/>
                        <a:pt x="329565" y="107633"/>
                        <a:pt x="330517" y="104775"/>
                      </a:cubicBezTo>
                      <a:lnTo>
                        <a:pt x="330517" y="104775"/>
                      </a:lnTo>
                      <a:close/>
                      <a:moveTo>
                        <a:pt x="138113" y="30480"/>
                      </a:moveTo>
                      <a:cubicBezTo>
                        <a:pt x="140970" y="17145"/>
                        <a:pt x="148590" y="12383"/>
                        <a:pt x="162877" y="12383"/>
                      </a:cubicBezTo>
                      <a:cubicBezTo>
                        <a:pt x="178118" y="12383"/>
                        <a:pt x="181927" y="18098"/>
                        <a:pt x="179070" y="30480"/>
                      </a:cubicBezTo>
                      <a:cubicBezTo>
                        <a:pt x="179070" y="30480"/>
                        <a:pt x="178118" y="33338"/>
                        <a:pt x="178118" y="34290"/>
                      </a:cubicBezTo>
                      <a:cubicBezTo>
                        <a:pt x="178118" y="36195"/>
                        <a:pt x="177165" y="39053"/>
                        <a:pt x="173355" y="39053"/>
                      </a:cubicBezTo>
                      <a:lnTo>
                        <a:pt x="136208" y="39053"/>
                      </a:lnTo>
                      <a:lnTo>
                        <a:pt x="138113" y="30480"/>
                      </a:lnTo>
                      <a:lnTo>
                        <a:pt x="138113" y="30480"/>
                      </a:lnTo>
                      <a:close/>
                      <a:moveTo>
                        <a:pt x="117157" y="71438"/>
                      </a:moveTo>
                      <a:lnTo>
                        <a:pt x="130493" y="71438"/>
                      </a:lnTo>
                      <a:lnTo>
                        <a:pt x="134302" y="51435"/>
                      </a:lnTo>
                      <a:lnTo>
                        <a:pt x="175260" y="51435"/>
                      </a:lnTo>
                      <a:lnTo>
                        <a:pt x="171450" y="71438"/>
                      </a:lnTo>
                      <a:lnTo>
                        <a:pt x="184785" y="71438"/>
                      </a:lnTo>
                      <a:cubicBezTo>
                        <a:pt x="186690" y="71438"/>
                        <a:pt x="188595" y="70485"/>
                        <a:pt x="188595" y="68580"/>
                      </a:cubicBezTo>
                      <a:lnTo>
                        <a:pt x="195263" y="33338"/>
                      </a:lnTo>
                      <a:cubicBezTo>
                        <a:pt x="200025" y="6668"/>
                        <a:pt x="184785" y="953"/>
                        <a:pt x="164783" y="953"/>
                      </a:cubicBezTo>
                      <a:cubicBezTo>
                        <a:pt x="140018" y="953"/>
                        <a:pt x="126682" y="6668"/>
                        <a:pt x="120968" y="33338"/>
                      </a:cubicBezTo>
                      <a:lnTo>
                        <a:pt x="114300" y="67628"/>
                      </a:lnTo>
                      <a:cubicBezTo>
                        <a:pt x="114300" y="70485"/>
                        <a:pt x="115252" y="71438"/>
                        <a:pt x="117157" y="71438"/>
                      </a:cubicBezTo>
                      <a:lnTo>
                        <a:pt x="117157" y="71438"/>
                      </a:lnTo>
                      <a:close/>
                      <a:moveTo>
                        <a:pt x="394335" y="30480"/>
                      </a:moveTo>
                      <a:cubicBezTo>
                        <a:pt x="397192" y="17145"/>
                        <a:pt x="404813" y="12383"/>
                        <a:pt x="419100" y="12383"/>
                      </a:cubicBezTo>
                      <a:cubicBezTo>
                        <a:pt x="434340" y="12383"/>
                        <a:pt x="438150" y="18098"/>
                        <a:pt x="435292" y="30480"/>
                      </a:cubicBezTo>
                      <a:cubicBezTo>
                        <a:pt x="435292" y="30480"/>
                        <a:pt x="434340" y="33338"/>
                        <a:pt x="434340" y="34290"/>
                      </a:cubicBezTo>
                      <a:cubicBezTo>
                        <a:pt x="434340" y="36195"/>
                        <a:pt x="433388" y="39053"/>
                        <a:pt x="429578" y="39053"/>
                      </a:cubicBezTo>
                      <a:lnTo>
                        <a:pt x="392430" y="39053"/>
                      </a:lnTo>
                      <a:lnTo>
                        <a:pt x="394335" y="30480"/>
                      </a:lnTo>
                      <a:lnTo>
                        <a:pt x="394335" y="30480"/>
                      </a:lnTo>
                      <a:close/>
                      <a:moveTo>
                        <a:pt x="373380" y="71438"/>
                      </a:moveTo>
                      <a:lnTo>
                        <a:pt x="386715" y="71438"/>
                      </a:lnTo>
                      <a:lnTo>
                        <a:pt x="390525" y="51435"/>
                      </a:lnTo>
                      <a:lnTo>
                        <a:pt x="431483" y="51435"/>
                      </a:lnTo>
                      <a:lnTo>
                        <a:pt x="427673" y="71438"/>
                      </a:lnTo>
                      <a:lnTo>
                        <a:pt x="441008" y="71438"/>
                      </a:lnTo>
                      <a:cubicBezTo>
                        <a:pt x="442913" y="71438"/>
                        <a:pt x="444817" y="70485"/>
                        <a:pt x="444817" y="68580"/>
                      </a:cubicBezTo>
                      <a:lnTo>
                        <a:pt x="451485" y="33338"/>
                      </a:lnTo>
                      <a:cubicBezTo>
                        <a:pt x="456248" y="6668"/>
                        <a:pt x="441008" y="953"/>
                        <a:pt x="421005" y="953"/>
                      </a:cubicBezTo>
                      <a:cubicBezTo>
                        <a:pt x="396240" y="953"/>
                        <a:pt x="382905" y="6668"/>
                        <a:pt x="377190" y="33338"/>
                      </a:cubicBezTo>
                      <a:lnTo>
                        <a:pt x="370523" y="67628"/>
                      </a:lnTo>
                      <a:cubicBezTo>
                        <a:pt x="370523" y="70485"/>
                        <a:pt x="371475" y="71438"/>
                        <a:pt x="373380" y="71438"/>
                      </a:cubicBezTo>
                      <a:lnTo>
                        <a:pt x="373380" y="71438"/>
                      </a:lnTo>
                      <a:close/>
                    </a:path>
                  </a:pathLst>
                </a:custGeom>
                <a:solidFill>
                  <a:srgbClr val="005386"/>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1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grpSp>
        </p:grpSp>
        <p:pic>
          <p:nvPicPr>
            <p:cNvPr id="286" name="Picture 285" descr="Text, logo&#10;&#10;Description automatically generated">
              <a:extLst>
                <a:ext uri="{FF2B5EF4-FFF2-40B4-BE49-F238E27FC236}">
                  <a16:creationId xmlns:a16="http://schemas.microsoft.com/office/drawing/2014/main" id="{E8C8158F-C772-AF59-2403-BB3DB2A926B7}"/>
                </a:ext>
              </a:extLst>
            </p:cNvPr>
            <p:cNvPicPr>
              <a:picLocks noChangeAspect="1"/>
            </p:cNvPicPr>
            <p:nvPr/>
          </p:nvPicPr>
          <p:blipFill rotWithShape="1">
            <a:blip r:embed="rId45" cstate="screen">
              <a:extLst>
                <a:ext uri="{28A0092B-C50C-407E-A947-70E740481C1C}">
                  <a14:useLocalDpi xmlns:a14="http://schemas.microsoft.com/office/drawing/2010/main"/>
                </a:ext>
              </a:extLst>
            </a:blip>
            <a:srcRect/>
            <a:stretch/>
          </p:blipFill>
          <p:spPr>
            <a:xfrm>
              <a:off x="8297298" y="1951166"/>
              <a:ext cx="983987" cy="275835"/>
            </a:xfrm>
            <a:prstGeom prst="rect">
              <a:avLst/>
            </a:prstGeom>
          </p:spPr>
        </p:pic>
      </p:grpSp>
      <p:pic>
        <p:nvPicPr>
          <p:cNvPr id="305" name="Picture 304" descr="ounceLogo.png">
            <a:extLst>
              <a:ext uri="{FF2B5EF4-FFF2-40B4-BE49-F238E27FC236}">
                <a16:creationId xmlns:a16="http://schemas.microsoft.com/office/drawing/2014/main" id="{D0085900-CD5C-16BB-AC23-965F9BA1FE5F}"/>
              </a:ext>
            </a:extLst>
          </p:cNvPr>
          <p:cNvPicPr>
            <a:picLocks noChangeAspect="1"/>
          </p:cNvPicPr>
          <p:nvPr/>
        </p:nvPicPr>
        <p:blipFill>
          <a:blip r:embed="rId46" cstate="screen">
            <a:extLst>
              <a:ext uri="{28A0092B-C50C-407E-A947-70E740481C1C}">
                <a14:useLocalDpi xmlns:a14="http://schemas.microsoft.com/office/drawing/2010/main"/>
              </a:ext>
            </a:extLst>
          </a:blip>
          <a:stretch>
            <a:fillRect/>
          </a:stretch>
        </p:blipFill>
        <p:spPr>
          <a:xfrm>
            <a:off x="2338199" y="6013535"/>
            <a:ext cx="725897" cy="134128"/>
          </a:xfrm>
          <a:prstGeom prst="rect">
            <a:avLst/>
          </a:prstGeom>
        </p:spPr>
      </p:pic>
      <p:pic>
        <p:nvPicPr>
          <p:cNvPr id="306" name="Picture 305" descr="layout_set_logo.png">
            <a:extLst>
              <a:ext uri="{FF2B5EF4-FFF2-40B4-BE49-F238E27FC236}">
                <a16:creationId xmlns:a16="http://schemas.microsoft.com/office/drawing/2014/main" id="{447951FF-D471-409F-7EC4-715DE17BCE94}"/>
              </a:ext>
            </a:extLst>
          </p:cNvPr>
          <p:cNvPicPr>
            <a:picLocks noChangeAspect="1"/>
          </p:cNvPicPr>
          <p:nvPr/>
        </p:nvPicPr>
        <p:blipFill>
          <a:blip r:embed="rId47" cstate="screen">
            <a:extLst>
              <a:ext uri="{28A0092B-C50C-407E-A947-70E740481C1C}">
                <a14:useLocalDpi xmlns:a14="http://schemas.microsoft.com/office/drawing/2010/main"/>
              </a:ext>
            </a:extLst>
          </a:blip>
          <a:stretch>
            <a:fillRect/>
          </a:stretch>
        </p:blipFill>
        <p:spPr>
          <a:xfrm>
            <a:off x="3134050" y="5997665"/>
            <a:ext cx="892231" cy="196377"/>
          </a:xfrm>
          <a:prstGeom prst="rect">
            <a:avLst/>
          </a:prstGeom>
        </p:spPr>
      </p:pic>
      <p:grpSp>
        <p:nvGrpSpPr>
          <p:cNvPr id="307" name="Group 98">
            <a:extLst>
              <a:ext uri="{FF2B5EF4-FFF2-40B4-BE49-F238E27FC236}">
                <a16:creationId xmlns:a16="http://schemas.microsoft.com/office/drawing/2014/main" id="{B61E8B08-FD4D-80B2-3A8B-E95200746492}"/>
              </a:ext>
            </a:extLst>
          </p:cNvPr>
          <p:cNvGrpSpPr/>
          <p:nvPr/>
        </p:nvGrpSpPr>
        <p:grpSpPr>
          <a:xfrm>
            <a:off x="4884537" y="5967141"/>
            <a:ext cx="906734" cy="256535"/>
            <a:chOff x="9517037" y="2676424"/>
            <a:chExt cx="1821669" cy="566928"/>
          </a:xfrm>
        </p:grpSpPr>
        <p:sp>
          <p:nvSpPr>
            <p:cNvPr id="308" name="Rectangle 307">
              <a:extLst>
                <a:ext uri="{FF2B5EF4-FFF2-40B4-BE49-F238E27FC236}">
                  <a16:creationId xmlns:a16="http://schemas.microsoft.com/office/drawing/2014/main" id="{7FD3334C-C73C-F117-B243-65C01346A10A}"/>
                </a:ext>
              </a:extLst>
            </p:cNvPr>
            <p:cNvSpPr/>
            <p:nvPr/>
          </p:nvSpPr>
          <p:spPr>
            <a:xfrm>
              <a:off x="9517037" y="2676424"/>
              <a:ext cx="1821669" cy="566928"/>
            </a:xfrm>
            <a:prstGeom prst="rect">
              <a:avLst/>
            </a:prstGeom>
            <a:solidFill>
              <a:schemeClr val="tx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Roboto" pitchFamily="2" charset="0"/>
                <a:ea typeface="Roboto" pitchFamily="2" charset="0"/>
                <a:cs typeface="+mn-cs"/>
              </a:endParaRPr>
            </a:p>
          </p:txBody>
        </p:sp>
        <p:pic>
          <p:nvPicPr>
            <p:cNvPr id="309" name="Picture 308" descr="e-learningforkids_logo.png">
              <a:extLst>
                <a:ext uri="{FF2B5EF4-FFF2-40B4-BE49-F238E27FC236}">
                  <a16:creationId xmlns:a16="http://schemas.microsoft.com/office/drawing/2014/main" id="{25B8E2CD-ABBF-C05B-81F4-DA5BB4ED5EC0}"/>
                </a:ext>
              </a:extLst>
            </p:cNvPr>
            <p:cNvPicPr>
              <a:picLocks noChangeAspect="1"/>
            </p:cNvPicPr>
            <p:nvPr/>
          </p:nvPicPr>
          <p:blipFill>
            <a:blip r:embed="rId48" cstate="screen">
              <a:extLst>
                <a:ext uri="{28A0092B-C50C-407E-A947-70E740481C1C}">
                  <a14:useLocalDpi xmlns:a14="http://schemas.microsoft.com/office/drawing/2010/main"/>
                </a:ext>
              </a:extLst>
            </a:blip>
            <a:stretch>
              <a:fillRect/>
            </a:stretch>
          </p:blipFill>
          <p:spPr>
            <a:xfrm>
              <a:off x="9587745" y="2678901"/>
              <a:ext cx="1600200" cy="561976"/>
            </a:xfrm>
            <a:prstGeom prst="rect">
              <a:avLst/>
            </a:prstGeom>
          </p:spPr>
        </p:pic>
      </p:grpSp>
      <p:pic>
        <p:nvPicPr>
          <p:cNvPr id="310" name="Picture 309" descr="ounceLogo.png">
            <a:extLst>
              <a:ext uri="{FF2B5EF4-FFF2-40B4-BE49-F238E27FC236}">
                <a16:creationId xmlns:a16="http://schemas.microsoft.com/office/drawing/2014/main" id="{13A3107E-B921-64E2-F556-B2B0AFFF47EC}"/>
              </a:ext>
            </a:extLst>
          </p:cNvPr>
          <p:cNvPicPr>
            <a:picLocks noChangeAspect="1"/>
          </p:cNvPicPr>
          <p:nvPr/>
        </p:nvPicPr>
        <p:blipFill>
          <a:blip r:embed="rId49" cstate="screen">
            <a:extLst>
              <a:ext uri="{28A0092B-C50C-407E-A947-70E740481C1C}">
                <a14:useLocalDpi xmlns:a14="http://schemas.microsoft.com/office/drawing/2010/main"/>
              </a:ext>
            </a:extLst>
          </a:blip>
          <a:stretch>
            <a:fillRect/>
          </a:stretch>
        </p:blipFill>
        <p:spPr>
          <a:xfrm>
            <a:off x="4101279" y="6022083"/>
            <a:ext cx="666874" cy="175217"/>
          </a:xfrm>
          <a:prstGeom prst="rect">
            <a:avLst/>
          </a:prstGeom>
        </p:spPr>
      </p:pic>
      <p:pic>
        <p:nvPicPr>
          <p:cNvPr id="311" name="Picture 310" descr="ounceLogo.png">
            <a:extLst>
              <a:ext uri="{FF2B5EF4-FFF2-40B4-BE49-F238E27FC236}">
                <a16:creationId xmlns:a16="http://schemas.microsoft.com/office/drawing/2014/main" id="{D59B4205-B6E8-68AC-0A93-FDDF9D21B7D9}"/>
              </a:ext>
            </a:extLst>
          </p:cNvPr>
          <p:cNvPicPr>
            <a:picLocks noChangeAspect="1"/>
          </p:cNvPicPr>
          <p:nvPr/>
        </p:nvPicPr>
        <p:blipFill>
          <a:blip r:embed="rId50" cstate="screen">
            <a:extLst>
              <a:ext uri="{28A0092B-C50C-407E-A947-70E740481C1C}">
                <a14:useLocalDpi xmlns:a14="http://schemas.microsoft.com/office/drawing/2010/main"/>
              </a:ext>
            </a:extLst>
          </a:blip>
          <a:stretch>
            <a:fillRect/>
          </a:stretch>
        </p:blipFill>
        <p:spPr>
          <a:xfrm>
            <a:off x="6938879" y="5966497"/>
            <a:ext cx="728926" cy="241633"/>
          </a:xfrm>
          <a:prstGeom prst="rect">
            <a:avLst/>
          </a:prstGeom>
        </p:spPr>
      </p:pic>
      <p:pic>
        <p:nvPicPr>
          <p:cNvPr id="312" name="Picture 311" descr="Pro.jpg">
            <a:extLst>
              <a:ext uri="{FF2B5EF4-FFF2-40B4-BE49-F238E27FC236}">
                <a16:creationId xmlns:a16="http://schemas.microsoft.com/office/drawing/2014/main" id="{F299127B-C957-A6DE-05D1-4BEB972FF759}"/>
              </a:ext>
            </a:extLst>
          </p:cNvPr>
          <p:cNvPicPr>
            <a:picLocks noChangeAspect="1"/>
          </p:cNvPicPr>
          <p:nvPr/>
        </p:nvPicPr>
        <p:blipFill>
          <a:blip r:embed="rId51" cstate="screen">
            <a:extLst>
              <a:ext uri="{28A0092B-C50C-407E-A947-70E740481C1C}">
                <a14:useLocalDpi xmlns:a14="http://schemas.microsoft.com/office/drawing/2010/main"/>
              </a:ext>
            </a:extLst>
          </a:blip>
          <a:stretch>
            <a:fillRect/>
          </a:stretch>
        </p:blipFill>
        <p:spPr>
          <a:xfrm>
            <a:off x="7804847" y="5882565"/>
            <a:ext cx="743478" cy="391050"/>
          </a:xfrm>
          <a:prstGeom prst="rect">
            <a:avLst/>
          </a:prstGeom>
        </p:spPr>
      </p:pic>
      <p:pic>
        <p:nvPicPr>
          <p:cNvPr id="313" name="Picture 2">
            <a:extLst>
              <a:ext uri="{FF2B5EF4-FFF2-40B4-BE49-F238E27FC236}">
                <a16:creationId xmlns:a16="http://schemas.microsoft.com/office/drawing/2014/main" id="{A0ADCAAE-2ABB-062A-3E53-1324E7EEF303}"/>
              </a:ext>
            </a:extLst>
          </p:cNvPr>
          <p:cNvPicPr>
            <a:picLocks noChangeAspect="1" noChangeArrowheads="1"/>
          </p:cNvPicPr>
          <p:nvPr/>
        </p:nvPicPr>
        <p:blipFill>
          <a:blip r:embed="rId52" cstate="screen">
            <a:extLst>
              <a:ext uri="{28A0092B-C50C-407E-A947-70E740481C1C}">
                <a14:useLocalDpi xmlns:a14="http://schemas.microsoft.com/office/drawing/2010/main"/>
              </a:ext>
            </a:extLst>
          </a:blip>
          <a:srcRect/>
          <a:stretch>
            <a:fillRect/>
          </a:stretch>
        </p:blipFill>
        <p:spPr bwMode="auto">
          <a:xfrm>
            <a:off x="9900370" y="5938553"/>
            <a:ext cx="766853" cy="313713"/>
          </a:xfrm>
          <a:prstGeom prst="rect">
            <a:avLst/>
          </a:prstGeom>
          <a:noFill/>
          <a:ln w="9525">
            <a:noFill/>
            <a:miter lim="800000"/>
            <a:headEnd/>
            <a:tailEnd/>
          </a:ln>
        </p:spPr>
      </p:pic>
      <p:pic>
        <p:nvPicPr>
          <p:cNvPr id="314" name="Picture 3">
            <a:extLst>
              <a:ext uri="{FF2B5EF4-FFF2-40B4-BE49-F238E27FC236}">
                <a16:creationId xmlns:a16="http://schemas.microsoft.com/office/drawing/2014/main" id="{D52B3AE8-5485-CBCB-AA35-194D9EEEB626}"/>
              </a:ext>
            </a:extLst>
          </p:cNvPr>
          <p:cNvPicPr>
            <a:picLocks noChangeAspect="1" noChangeArrowheads="1"/>
          </p:cNvPicPr>
          <p:nvPr/>
        </p:nvPicPr>
        <p:blipFill>
          <a:blip r:embed="rId53" cstate="screen">
            <a:extLst>
              <a:ext uri="{28A0092B-C50C-407E-A947-70E740481C1C}">
                <a14:useLocalDpi xmlns:a14="http://schemas.microsoft.com/office/drawing/2010/main"/>
              </a:ext>
            </a:extLst>
          </a:blip>
          <a:srcRect/>
          <a:stretch>
            <a:fillRect/>
          </a:stretch>
        </p:blipFill>
        <p:spPr bwMode="auto">
          <a:xfrm>
            <a:off x="8700699" y="6013174"/>
            <a:ext cx="1068782" cy="183820"/>
          </a:xfrm>
          <a:prstGeom prst="rect">
            <a:avLst/>
          </a:prstGeom>
          <a:noFill/>
          <a:ln w="9525">
            <a:noFill/>
            <a:miter lim="800000"/>
            <a:headEnd/>
            <a:tailEnd/>
          </a:ln>
        </p:spPr>
      </p:pic>
      <p:pic>
        <p:nvPicPr>
          <p:cNvPr id="315" name="Picture 4">
            <a:extLst>
              <a:ext uri="{FF2B5EF4-FFF2-40B4-BE49-F238E27FC236}">
                <a16:creationId xmlns:a16="http://schemas.microsoft.com/office/drawing/2014/main" id="{14AE6D4E-AA13-BCCE-B5FF-72F9F326E728}"/>
              </a:ext>
            </a:extLst>
          </p:cNvPr>
          <p:cNvPicPr>
            <a:picLocks noChangeAspect="1" noChangeArrowheads="1"/>
          </p:cNvPicPr>
          <p:nvPr/>
        </p:nvPicPr>
        <p:blipFill>
          <a:blip r:embed="rId54" cstate="screen">
            <a:extLst>
              <a:ext uri="{28A0092B-C50C-407E-A947-70E740481C1C}">
                <a14:useLocalDpi xmlns:a14="http://schemas.microsoft.com/office/drawing/2010/main"/>
              </a:ext>
            </a:extLst>
          </a:blip>
          <a:srcRect/>
          <a:stretch>
            <a:fillRect/>
          </a:stretch>
        </p:blipFill>
        <p:spPr bwMode="auto">
          <a:xfrm>
            <a:off x="10755100" y="5949952"/>
            <a:ext cx="990699" cy="330234"/>
          </a:xfrm>
          <a:prstGeom prst="rect">
            <a:avLst/>
          </a:prstGeom>
          <a:noFill/>
          <a:ln w="9525">
            <a:noFill/>
            <a:miter lim="800000"/>
            <a:headEnd/>
            <a:tailEnd/>
          </a:ln>
        </p:spPr>
      </p:pic>
      <p:pic>
        <p:nvPicPr>
          <p:cNvPr id="316" name="Picture 315" descr="A logo for a project management institute&#10;&#10;Description automatically generated">
            <a:extLst>
              <a:ext uri="{FF2B5EF4-FFF2-40B4-BE49-F238E27FC236}">
                <a16:creationId xmlns:a16="http://schemas.microsoft.com/office/drawing/2014/main" id="{505DE937-CEDA-1C28-DEC0-9FEAC8258521}"/>
              </a:ext>
            </a:extLst>
          </p:cNvPr>
          <p:cNvPicPr>
            <a:picLocks noChangeAspect="1"/>
          </p:cNvPicPr>
          <p:nvPr/>
        </p:nvPicPr>
        <p:blipFill rotWithShape="1">
          <a:blip r:embed="rId55" cstate="screen">
            <a:extLst>
              <a:ext uri="{28A0092B-C50C-407E-A947-70E740481C1C}">
                <a14:useLocalDpi xmlns:a14="http://schemas.microsoft.com/office/drawing/2010/main"/>
              </a:ext>
            </a:extLst>
          </a:blip>
          <a:srcRect/>
          <a:stretch/>
        </p:blipFill>
        <p:spPr>
          <a:xfrm>
            <a:off x="5895626" y="5915561"/>
            <a:ext cx="966533" cy="344834"/>
          </a:xfrm>
          <a:prstGeom prst="rect">
            <a:avLst/>
          </a:prstGeom>
          <a:ln>
            <a:noFill/>
          </a:ln>
        </p:spPr>
      </p:pic>
    </p:spTree>
    <p:extLst>
      <p:ext uri="{BB962C8B-B14F-4D97-AF65-F5344CB8AC3E}">
        <p14:creationId xmlns:p14="http://schemas.microsoft.com/office/powerpoint/2010/main" val="2851501425"/>
      </p:ext>
    </p:extLst>
  </p:cSld>
  <p:clrMapOvr>
    <a:masterClrMapping/>
  </p:clrMapOvr>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Rectangle 10">
            <a:extLst>
              <a:ext uri="{FF2B5EF4-FFF2-40B4-BE49-F238E27FC236}">
                <a16:creationId xmlns:a16="http://schemas.microsoft.com/office/drawing/2014/main" id="{73846C8A-69E9-28DD-8BB2-FFAD825AE51D}"/>
              </a:ext>
            </a:extLst>
          </p:cNvPr>
          <p:cNvSpPr/>
          <p:nvPr/>
        </p:nvSpPr>
        <p:spPr>
          <a:xfrm>
            <a:off x="6790310" y="0"/>
            <a:ext cx="5401690" cy="6857999"/>
          </a:xfrm>
          <a:prstGeom prst="rect">
            <a:avLst/>
          </a:prstGeom>
          <a:solidFill>
            <a:srgbClr val="0085BE"/>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pic>
        <p:nvPicPr>
          <p:cNvPr id="24" name="Picture 23" descr="A black background with white lines&#10;&#10;Description automatically generated">
            <a:extLst>
              <a:ext uri="{FF2B5EF4-FFF2-40B4-BE49-F238E27FC236}">
                <a16:creationId xmlns:a16="http://schemas.microsoft.com/office/drawing/2014/main" id="{573DFC66-FBB4-500F-CB1F-5C135B221F78}"/>
              </a:ext>
            </a:extLst>
          </p:cNvPr>
          <p:cNvPicPr>
            <a:picLocks noChangeAspect="1"/>
          </p:cNvPicPr>
          <p:nvPr/>
        </p:nvPicPr>
        <p:blipFill>
          <a:blip r:embed="rId2">
            <a:extLst>
              <a:ext uri="{28A0092B-C50C-407E-A947-70E740481C1C}">
                <a14:useLocalDpi xmlns:a14="http://schemas.microsoft.com/office/drawing/2010/main"/>
              </a:ext>
            </a:extLst>
          </a:blip>
          <a:stretch>
            <a:fillRect/>
          </a:stretch>
        </p:blipFill>
        <p:spPr>
          <a:xfrm>
            <a:off x="6790571" y="0"/>
            <a:ext cx="5401429" cy="6811326"/>
          </a:xfrm>
          <a:prstGeom prst="rect">
            <a:avLst/>
          </a:prstGeom>
        </p:spPr>
      </p:pic>
      <p:sp>
        <p:nvSpPr>
          <p:cNvPr id="21" name="Rectangle: Top Corners Rounded 20">
            <a:extLst>
              <a:ext uri="{FF2B5EF4-FFF2-40B4-BE49-F238E27FC236}">
                <a16:creationId xmlns:a16="http://schemas.microsoft.com/office/drawing/2014/main" id="{8AA34CBA-1292-9952-9AB6-77D49EE2CA8D}"/>
              </a:ext>
            </a:extLst>
          </p:cNvPr>
          <p:cNvSpPr/>
          <p:nvPr/>
        </p:nvSpPr>
        <p:spPr>
          <a:xfrm>
            <a:off x="574344" y="5175957"/>
            <a:ext cx="1480598" cy="432919"/>
          </a:xfrm>
          <a:prstGeom prst="round2SameRect">
            <a:avLst>
              <a:gd name="adj1" fmla="val 15279"/>
              <a:gd name="adj2" fmla="val 17939"/>
            </a:avLst>
          </a:prstGeom>
          <a:solidFill>
            <a:schemeClr val="bg1"/>
          </a:solidFill>
          <a:ln>
            <a:solidFill>
              <a:schemeClr val="bg1">
                <a:lumMod val="85000"/>
              </a:schemeClr>
            </a:solidFill>
          </a:ln>
          <a:effectLst>
            <a:outerShdw blurRad="50800" dist="38100" dir="2700000" algn="tl" rotWithShape="0">
              <a:prstClr val="black">
                <a:alpha val="1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sz="1400"/>
          </a:p>
        </p:txBody>
      </p:sp>
      <p:pic>
        <p:nvPicPr>
          <p:cNvPr id="16" name="Picture 15" descr="A close-up of a computer&#10;&#10;Description automatically generated">
            <a:extLst>
              <a:ext uri="{FF2B5EF4-FFF2-40B4-BE49-F238E27FC236}">
                <a16:creationId xmlns:a16="http://schemas.microsoft.com/office/drawing/2014/main" id="{BA06BA67-D81B-E66F-403E-A62D92C07F89}"/>
              </a:ext>
            </a:extLst>
          </p:cNvPr>
          <p:cNvPicPr>
            <a:picLocks noChangeAspect="1"/>
          </p:cNvPicPr>
          <p:nvPr/>
        </p:nvPicPr>
        <p:blipFill>
          <a:blip r:embed="rId3" cstate="screen">
            <a:extLst>
              <a:ext uri="{28A0092B-C50C-407E-A947-70E740481C1C}">
                <a14:useLocalDpi xmlns:a14="http://schemas.microsoft.com/office/drawing/2010/main"/>
              </a:ext>
            </a:extLst>
          </a:blip>
          <a:stretch>
            <a:fillRect/>
          </a:stretch>
        </p:blipFill>
        <p:spPr>
          <a:xfrm>
            <a:off x="6907257" y="1620909"/>
            <a:ext cx="5167796" cy="3197660"/>
          </a:xfrm>
          <a:prstGeom prst="rect">
            <a:avLst/>
          </a:prstGeom>
        </p:spPr>
      </p:pic>
      <p:sp>
        <p:nvSpPr>
          <p:cNvPr id="13" name="Rectangle 12">
            <a:extLst>
              <a:ext uri="{FF2B5EF4-FFF2-40B4-BE49-F238E27FC236}">
                <a16:creationId xmlns:a16="http://schemas.microsoft.com/office/drawing/2014/main" id="{3796CD4E-B322-97D3-996F-9786F8F01317}"/>
              </a:ext>
            </a:extLst>
          </p:cNvPr>
          <p:cNvSpPr/>
          <p:nvPr/>
        </p:nvSpPr>
        <p:spPr>
          <a:xfrm>
            <a:off x="7518400" y="1988806"/>
            <a:ext cx="3952240" cy="2471434"/>
          </a:xfrm>
          <a:prstGeom prst="rect">
            <a:avLst/>
          </a:prstGeom>
          <a:solidFill>
            <a:schemeClr val="tx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2" name="Title 1">
            <a:extLst>
              <a:ext uri="{FF2B5EF4-FFF2-40B4-BE49-F238E27FC236}">
                <a16:creationId xmlns:a16="http://schemas.microsoft.com/office/drawing/2014/main" id="{2447EBAC-CFBA-8B81-4EB2-EDD4413595B3}"/>
              </a:ext>
            </a:extLst>
          </p:cNvPr>
          <p:cNvSpPr>
            <a:spLocks noGrp="1"/>
          </p:cNvSpPr>
          <p:nvPr>
            <p:ph type="title"/>
          </p:nvPr>
        </p:nvSpPr>
        <p:spPr/>
        <p:txBody>
          <a:bodyPr/>
          <a:lstStyle/>
          <a:p>
            <a:r>
              <a:rPr lang="en-IN"/>
              <a:t>ASSESSMENT GAME</a:t>
            </a:r>
          </a:p>
        </p:txBody>
      </p:sp>
      <p:sp>
        <p:nvSpPr>
          <p:cNvPr id="3" name="Content Placeholder 2">
            <a:extLst>
              <a:ext uri="{FF2B5EF4-FFF2-40B4-BE49-F238E27FC236}">
                <a16:creationId xmlns:a16="http://schemas.microsoft.com/office/drawing/2014/main" id="{81B63953-1DC3-C5E4-F518-48A6A5C185F0}"/>
              </a:ext>
            </a:extLst>
          </p:cNvPr>
          <p:cNvSpPr>
            <a:spLocks noGrp="1"/>
          </p:cNvSpPr>
          <p:nvPr>
            <p:ph idx="1"/>
          </p:nvPr>
        </p:nvSpPr>
        <p:spPr>
          <a:xfrm>
            <a:off x="533401" y="1465582"/>
            <a:ext cx="5562599" cy="3563617"/>
          </a:xfrm>
        </p:spPr>
        <p:txBody>
          <a:bodyPr>
            <a:noAutofit/>
          </a:bodyPr>
          <a:lstStyle/>
          <a:p>
            <a:pPr marL="0" lvl="2" indent="0">
              <a:lnSpc>
                <a:spcPct val="100000"/>
              </a:lnSpc>
              <a:spcBef>
                <a:spcPts val="1800"/>
              </a:spcBef>
              <a:buClr>
                <a:srgbClr val="00799E"/>
              </a:buClr>
              <a:buNone/>
            </a:pPr>
            <a:r>
              <a:rPr lang="en-US" sz="1400" b="1">
                <a:solidFill>
                  <a:srgbClr val="00799E"/>
                </a:solidFill>
                <a:latin typeface="+mj-lt"/>
                <a:ea typeface="Roboto" pitchFamily="2" charset="0"/>
                <a:cs typeface="+mj-cs"/>
              </a:rPr>
              <a:t>About: </a:t>
            </a:r>
            <a:r>
              <a:rPr lang="en-US" sz="1400">
                <a:solidFill>
                  <a:srgbClr val="404040"/>
                </a:solidFill>
                <a:latin typeface="+mj-lt"/>
                <a:ea typeface="Roboto" pitchFamily="2" charset="0"/>
              </a:rPr>
              <a:t>A game-based assessment design to evaluate learners understanding on fraud prevention and detection concepts</a:t>
            </a:r>
          </a:p>
          <a:p>
            <a:pPr marL="0" lvl="2" indent="0">
              <a:lnSpc>
                <a:spcPct val="100000"/>
              </a:lnSpc>
              <a:spcBef>
                <a:spcPts val="1800"/>
              </a:spcBef>
              <a:buClr>
                <a:srgbClr val="00799E"/>
              </a:buClr>
              <a:buNone/>
            </a:pPr>
            <a:r>
              <a:rPr lang="en-US" sz="1400" b="1">
                <a:solidFill>
                  <a:srgbClr val="00799E"/>
                </a:solidFill>
                <a:latin typeface="+mj-lt"/>
                <a:ea typeface="Roboto" pitchFamily="2" charset="0"/>
                <a:cs typeface="+mj-cs"/>
              </a:rPr>
              <a:t>Design Highlights:</a:t>
            </a:r>
          </a:p>
          <a:p>
            <a:pPr marL="285750" lvl="2" indent="-285750">
              <a:spcBef>
                <a:spcPts val="600"/>
              </a:spcBef>
              <a:buClr>
                <a:srgbClr val="00799E"/>
              </a:buClr>
            </a:pPr>
            <a:r>
              <a:rPr lang="en-US" sz="1300">
                <a:solidFill>
                  <a:srgbClr val="404040"/>
                </a:solidFill>
                <a:latin typeface="+mj-lt"/>
                <a:ea typeface="Roboto" pitchFamily="2" charset="0"/>
              </a:rPr>
              <a:t>Designed using basketball game theme</a:t>
            </a:r>
          </a:p>
          <a:p>
            <a:pPr marL="285750" lvl="2" indent="-285750">
              <a:spcBef>
                <a:spcPts val="600"/>
              </a:spcBef>
              <a:buClr>
                <a:srgbClr val="00799E"/>
              </a:buClr>
            </a:pPr>
            <a:r>
              <a:rPr lang="en-US" sz="1300">
                <a:solidFill>
                  <a:srgbClr val="404040"/>
                </a:solidFill>
                <a:latin typeface="+mj-lt"/>
                <a:ea typeface="Roboto" pitchFamily="2" charset="0"/>
              </a:rPr>
              <a:t>To be played at three different levels – Easy, Medium, and Hard</a:t>
            </a:r>
          </a:p>
          <a:p>
            <a:pPr marL="285750" lvl="2" indent="-285750">
              <a:spcBef>
                <a:spcPts val="600"/>
              </a:spcBef>
              <a:buClr>
                <a:srgbClr val="00799E"/>
              </a:buClr>
            </a:pPr>
            <a:r>
              <a:rPr lang="en-US" sz="1300">
                <a:solidFill>
                  <a:srgbClr val="404040"/>
                </a:solidFill>
                <a:latin typeface="+mj-lt"/>
                <a:ea typeface="Roboto" pitchFamily="2" charset="0"/>
              </a:rPr>
              <a:t>Progression from easy to hard level based on scoring minimum 80% in a level to advance to the next level</a:t>
            </a:r>
          </a:p>
          <a:p>
            <a:pPr marL="285750" lvl="2" indent="-285750">
              <a:spcBef>
                <a:spcPts val="600"/>
              </a:spcBef>
              <a:buClr>
                <a:srgbClr val="00799E"/>
              </a:buClr>
            </a:pPr>
            <a:r>
              <a:rPr lang="en-US" sz="1300">
                <a:solidFill>
                  <a:srgbClr val="404040"/>
                </a:solidFill>
                <a:latin typeface="+mj-lt"/>
                <a:ea typeface="Roboto" pitchFamily="2" charset="0"/>
              </a:rPr>
              <a:t>Score is calculated based on the number of balls shot into the basket in the time allotted</a:t>
            </a:r>
          </a:p>
          <a:p>
            <a:pPr marL="285750" lvl="2" indent="-285750">
              <a:spcBef>
                <a:spcPts val="600"/>
              </a:spcBef>
              <a:buClr>
                <a:srgbClr val="00799E"/>
              </a:buClr>
            </a:pPr>
            <a:r>
              <a:rPr lang="en-US" sz="1300">
                <a:solidFill>
                  <a:srgbClr val="404040"/>
                </a:solidFill>
                <a:latin typeface="+mj-lt"/>
                <a:ea typeface="Roboto" pitchFamily="2" charset="0"/>
              </a:rPr>
              <a:t>A ball is shot into the basket only when the user answers the question correctly</a:t>
            </a:r>
          </a:p>
          <a:p>
            <a:pPr marL="285750" lvl="2" indent="-285750">
              <a:spcBef>
                <a:spcPts val="600"/>
              </a:spcBef>
              <a:buClr>
                <a:srgbClr val="00799E"/>
              </a:buClr>
            </a:pPr>
            <a:r>
              <a:rPr lang="en-US" sz="1300">
                <a:solidFill>
                  <a:srgbClr val="404040"/>
                </a:solidFill>
                <a:latin typeface="+mj-lt"/>
                <a:ea typeface="Roboto" pitchFamily="2" charset="0"/>
              </a:rPr>
              <a:t>Features pool of questions and questions are randomly presented to users at each attempt</a:t>
            </a:r>
          </a:p>
          <a:p>
            <a:pPr marL="285750" lvl="2" indent="-285750">
              <a:spcBef>
                <a:spcPts val="600"/>
              </a:spcBef>
              <a:buClr>
                <a:srgbClr val="00799E"/>
              </a:buClr>
            </a:pPr>
            <a:r>
              <a:rPr lang="en-US" sz="1400" b="1">
                <a:solidFill>
                  <a:srgbClr val="404040"/>
                </a:solidFill>
                <a:latin typeface="+mj-lt"/>
                <a:ea typeface="Roboto" pitchFamily="2" charset="0"/>
              </a:rPr>
              <a:t>Built using – Articulate Storyline 360</a:t>
            </a:r>
            <a:endParaRPr lang="en-US" sz="1400">
              <a:solidFill>
                <a:srgbClr val="404040"/>
              </a:solidFill>
              <a:latin typeface="+mj-lt"/>
              <a:ea typeface="Roboto" pitchFamily="2" charset="0"/>
            </a:endParaRPr>
          </a:p>
          <a:p>
            <a:pPr marL="0" lvl="2" indent="0">
              <a:lnSpc>
                <a:spcPct val="100000"/>
              </a:lnSpc>
              <a:spcBef>
                <a:spcPts val="1800"/>
              </a:spcBef>
              <a:buClr>
                <a:srgbClr val="00799E"/>
              </a:buClr>
              <a:buNone/>
            </a:pPr>
            <a:endParaRPr lang="en-US" sz="1400" b="1">
              <a:solidFill>
                <a:srgbClr val="00799E"/>
              </a:solidFill>
              <a:latin typeface="+mj-lt"/>
              <a:ea typeface="Roboto" pitchFamily="2" charset="0"/>
              <a:cs typeface="+mj-cs"/>
            </a:endParaRPr>
          </a:p>
        </p:txBody>
      </p:sp>
      <p:sp>
        <p:nvSpPr>
          <p:cNvPr id="9" name="Slide Number Placeholder 5">
            <a:extLst>
              <a:ext uri="{FF2B5EF4-FFF2-40B4-BE49-F238E27FC236}">
                <a16:creationId xmlns:a16="http://schemas.microsoft.com/office/drawing/2014/main" id="{E681DE4A-070B-D960-7DD3-C06BF6C2F67F}"/>
              </a:ext>
            </a:extLst>
          </p:cNvPr>
          <p:cNvSpPr txBox="1">
            <a:spLocks/>
          </p:cNvSpPr>
          <p:nvPr/>
        </p:nvSpPr>
        <p:spPr>
          <a:xfrm>
            <a:off x="9349506" y="6439476"/>
            <a:ext cx="2743200" cy="365125"/>
          </a:xfrm>
          <a:prstGeom prst="rect">
            <a:avLst/>
          </a:prstGeom>
        </p:spPr>
        <p:txBody>
          <a:bodyPr vert="horz" lIns="91440" tIns="45720" rIns="91440" bIns="45720" rtlCol="0" anchor="ctr"/>
          <a:lstStyle>
            <a:defPPr>
              <a:defRPr lang="en-US"/>
            </a:defPPr>
            <a:lvl1pPr marL="0" algn="r" defTabSz="914400" rtl="0" eaLnBrk="1" latinLnBrk="0" hangingPunct="1">
              <a:defRPr sz="1200" kern="1200">
                <a:solidFill>
                  <a:schemeClr val="tx1">
                    <a:tint val="75000"/>
                  </a:schemeClr>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77068464-4C8E-431E-87E4-567733A7CD2F}" type="slidenum">
              <a:rPr lang="en-IN" sz="1000" smtClean="0">
                <a:solidFill>
                  <a:schemeClr val="bg1"/>
                </a:solidFill>
              </a:rPr>
              <a:pPr/>
              <a:t>30</a:t>
            </a:fld>
            <a:endParaRPr lang="en-IN" sz="1000">
              <a:solidFill>
                <a:schemeClr val="bg1"/>
              </a:solidFill>
            </a:endParaRPr>
          </a:p>
        </p:txBody>
      </p:sp>
      <p:pic>
        <p:nvPicPr>
          <p:cNvPr id="10" name="Picture 9" descr="A screenshot of a basketball game&#10;&#10;Description automatically generated">
            <a:extLst>
              <a:ext uri="{FF2B5EF4-FFF2-40B4-BE49-F238E27FC236}">
                <a16:creationId xmlns:a16="http://schemas.microsoft.com/office/drawing/2014/main" id="{E41EA034-91CD-7FB4-27E1-4215C664E326}"/>
              </a:ext>
            </a:extLst>
          </p:cNvPr>
          <p:cNvPicPr>
            <a:picLocks noChangeAspect="1"/>
          </p:cNvPicPr>
          <p:nvPr/>
        </p:nvPicPr>
        <p:blipFill>
          <a:blip r:embed="rId4" cstate="screen">
            <a:extLst>
              <a:ext uri="{28A0092B-C50C-407E-A947-70E740481C1C}">
                <a14:useLocalDpi xmlns:a14="http://schemas.microsoft.com/office/drawing/2010/main"/>
              </a:ext>
            </a:extLst>
          </a:blip>
          <a:stretch>
            <a:fillRect/>
          </a:stretch>
        </p:blipFill>
        <p:spPr>
          <a:xfrm>
            <a:off x="7539368" y="1958326"/>
            <a:ext cx="3901440" cy="2560112"/>
          </a:xfrm>
          <a:prstGeom prst="roundRect">
            <a:avLst>
              <a:gd name="adj" fmla="val 1983"/>
            </a:avLst>
          </a:prstGeom>
        </p:spPr>
      </p:pic>
      <p:sp>
        <p:nvSpPr>
          <p:cNvPr id="23" name="TextBox 22">
            <a:extLst>
              <a:ext uri="{FF2B5EF4-FFF2-40B4-BE49-F238E27FC236}">
                <a16:creationId xmlns:a16="http://schemas.microsoft.com/office/drawing/2014/main" id="{25AEF928-E6BA-D561-71AF-A3750AFBFB43}"/>
              </a:ext>
            </a:extLst>
          </p:cNvPr>
          <p:cNvSpPr txBox="1"/>
          <p:nvPr/>
        </p:nvSpPr>
        <p:spPr>
          <a:xfrm>
            <a:off x="744459" y="5253917"/>
            <a:ext cx="1140368" cy="276999"/>
          </a:xfrm>
          <a:prstGeom prst="rect">
            <a:avLst/>
          </a:prstGeom>
          <a:noFill/>
        </p:spPr>
        <p:txBody>
          <a:bodyPr wrap="square">
            <a:spAutoFit/>
          </a:bodyPr>
          <a:lstStyle/>
          <a:p>
            <a:pPr marL="0" lvl="2" indent="0" algn="ctr">
              <a:lnSpc>
                <a:spcPct val="100000"/>
              </a:lnSpc>
              <a:spcBef>
                <a:spcPts val="1800"/>
              </a:spcBef>
              <a:buClr>
                <a:srgbClr val="00799E"/>
              </a:buClr>
              <a:buNone/>
            </a:pPr>
            <a:r>
              <a:rPr lang="en-US" sz="1200" b="1">
                <a:solidFill>
                  <a:srgbClr val="00799E"/>
                </a:solidFill>
                <a:latin typeface="+mj-lt"/>
                <a:ea typeface="Roboto" pitchFamily="2" charset="0"/>
                <a:cs typeface="+mj-cs"/>
                <a:hlinkClick r:id="rId5"/>
              </a:rPr>
              <a:t>View Demo</a:t>
            </a:r>
            <a:endParaRPr lang="en-US" sz="1200" b="1">
              <a:solidFill>
                <a:srgbClr val="00799E"/>
              </a:solidFill>
              <a:latin typeface="+mj-lt"/>
              <a:ea typeface="Roboto" pitchFamily="2" charset="0"/>
              <a:cs typeface="+mj-cs"/>
            </a:endParaRPr>
          </a:p>
        </p:txBody>
      </p:sp>
      <p:pic>
        <p:nvPicPr>
          <p:cNvPr id="4" name="Graphic 3">
            <a:extLst>
              <a:ext uri="{FF2B5EF4-FFF2-40B4-BE49-F238E27FC236}">
                <a16:creationId xmlns:a16="http://schemas.microsoft.com/office/drawing/2014/main" id="{784FD809-DADA-895C-50A6-5962BA138CC5}"/>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10845602" y="294821"/>
            <a:ext cx="1070016" cy="199686"/>
          </a:xfrm>
          <a:prstGeom prst="rect">
            <a:avLst/>
          </a:prstGeom>
        </p:spPr>
      </p:pic>
    </p:spTree>
    <p:extLst>
      <p:ext uri="{BB962C8B-B14F-4D97-AF65-F5344CB8AC3E}">
        <p14:creationId xmlns:p14="http://schemas.microsoft.com/office/powerpoint/2010/main" val="2205716517"/>
      </p:ext>
    </p:extLst>
  </p:cSld>
  <p:clrMapOvr>
    <a:masterClrMapping/>
  </p:clrMapOvr>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8" name="Title 1">
            <a:extLst>
              <a:ext uri="{FF2B5EF4-FFF2-40B4-BE49-F238E27FC236}">
                <a16:creationId xmlns:a16="http://schemas.microsoft.com/office/drawing/2014/main" id="{EF62E507-7BFA-F1A0-A235-E80AC4BA2A49}"/>
              </a:ext>
            </a:extLst>
          </p:cNvPr>
          <p:cNvSpPr txBox="1">
            <a:spLocks/>
          </p:cNvSpPr>
          <p:nvPr/>
        </p:nvSpPr>
        <p:spPr>
          <a:xfrm>
            <a:off x="533401" y="157024"/>
            <a:ext cx="10515600" cy="686003"/>
          </a:xfrm>
          <a:prstGeom prst="rect">
            <a:avLst/>
          </a:prstGeom>
        </p:spPr>
        <p:txBody>
          <a:bodyPr anchor="b"/>
          <a:lstStyle>
            <a:lvl1pPr algn="l" defTabSz="914400" rtl="0" eaLnBrk="1" latinLnBrk="0" hangingPunct="1">
              <a:lnSpc>
                <a:spcPct val="90000"/>
              </a:lnSpc>
              <a:spcBef>
                <a:spcPct val="0"/>
              </a:spcBef>
              <a:buNone/>
              <a:defRPr sz="2200" b="1" kern="1200">
                <a:solidFill>
                  <a:schemeClr val="tx1"/>
                </a:solidFill>
                <a:latin typeface="+mn-lt"/>
                <a:ea typeface="+mj-ea"/>
                <a:cs typeface="+mj-cs"/>
              </a:defRPr>
            </a:lvl1pPr>
          </a:lstStyle>
          <a:p>
            <a:r>
              <a:rPr lang="en-IN"/>
              <a:t>ASSESSMENT GAME</a:t>
            </a:r>
          </a:p>
        </p:txBody>
      </p:sp>
      <p:sp>
        <p:nvSpPr>
          <p:cNvPr id="41" name="Rectangle 40">
            <a:extLst>
              <a:ext uri="{FF2B5EF4-FFF2-40B4-BE49-F238E27FC236}">
                <a16:creationId xmlns:a16="http://schemas.microsoft.com/office/drawing/2014/main" id="{3B557CB6-F09A-CCB8-E6D3-0D0D4BCCBC74}"/>
              </a:ext>
            </a:extLst>
          </p:cNvPr>
          <p:cNvSpPr/>
          <p:nvPr/>
        </p:nvSpPr>
        <p:spPr>
          <a:xfrm>
            <a:off x="0" y="5555849"/>
            <a:ext cx="12192000" cy="1302151"/>
          </a:xfrm>
          <a:prstGeom prst="rect">
            <a:avLst/>
          </a:prstGeom>
          <a:solidFill>
            <a:srgbClr val="0085BE"/>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pic>
        <p:nvPicPr>
          <p:cNvPr id="48" name="Picture 47" descr="A screenshot of a video game&#10;&#10;Description automatically generated">
            <a:extLst>
              <a:ext uri="{FF2B5EF4-FFF2-40B4-BE49-F238E27FC236}">
                <a16:creationId xmlns:a16="http://schemas.microsoft.com/office/drawing/2014/main" id="{DBBEF86D-C493-B2C9-8081-EDD35FCA755F}"/>
              </a:ext>
            </a:extLst>
          </p:cNvPr>
          <p:cNvPicPr>
            <a:picLocks noChangeAspect="1"/>
          </p:cNvPicPr>
          <p:nvPr/>
        </p:nvPicPr>
        <p:blipFill>
          <a:blip r:embed="rId2" cstate="screen">
            <a:extLst>
              <a:ext uri="{28A0092B-C50C-407E-A947-70E740481C1C}">
                <a14:useLocalDpi xmlns:a14="http://schemas.microsoft.com/office/drawing/2010/main"/>
              </a:ext>
            </a:extLst>
          </a:blip>
          <a:stretch>
            <a:fillRect/>
          </a:stretch>
        </p:blipFill>
        <p:spPr>
          <a:xfrm>
            <a:off x="2431435" y="1262426"/>
            <a:ext cx="7329131" cy="4915592"/>
          </a:xfrm>
          <a:prstGeom prst="roundRect">
            <a:avLst>
              <a:gd name="adj" fmla="val 2930"/>
            </a:avLst>
          </a:prstGeom>
          <a:effectLst>
            <a:outerShdw blurRad="50800" dist="38100" dir="2700000" algn="tl" rotWithShape="0">
              <a:prstClr val="black">
                <a:alpha val="20000"/>
              </a:prstClr>
            </a:outerShdw>
          </a:effectLst>
        </p:spPr>
      </p:pic>
      <p:cxnSp>
        <p:nvCxnSpPr>
          <p:cNvPr id="55" name="Straight Connector 54">
            <a:extLst>
              <a:ext uri="{FF2B5EF4-FFF2-40B4-BE49-F238E27FC236}">
                <a16:creationId xmlns:a16="http://schemas.microsoft.com/office/drawing/2014/main" id="{9866BE4B-05C1-E944-9A2D-3D435550CA01}"/>
              </a:ext>
            </a:extLst>
          </p:cNvPr>
          <p:cNvCxnSpPr/>
          <p:nvPr/>
        </p:nvCxnSpPr>
        <p:spPr>
          <a:xfrm>
            <a:off x="625303" y="882907"/>
            <a:ext cx="640080" cy="0"/>
          </a:xfrm>
          <a:prstGeom prst="line">
            <a:avLst/>
          </a:prstGeom>
          <a:ln w="28575">
            <a:solidFill>
              <a:srgbClr val="0574B0"/>
            </a:solidFill>
          </a:ln>
        </p:spPr>
        <p:style>
          <a:lnRef idx="1">
            <a:schemeClr val="accent1"/>
          </a:lnRef>
          <a:fillRef idx="0">
            <a:schemeClr val="accent1"/>
          </a:fillRef>
          <a:effectRef idx="0">
            <a:schemeClr val="accent1"/>
          </a:effectRef>
          <a:fontRef idx="minor">
            <a:schemeClr val="tx1"/>
          </a:fontRef>
        </p:style>
      </p:cxnSp>
      <p:sp>
        <p:nvSpPr>
          <p:cNvPr id="56" name="Slide Number Placeholder 5">
            <a:extLst>
              <a:ext uri="{FF2B5EF4-FFF2-40B4-BE49-F238E27FC236}">
                <a16:creationId xmlns:a16="http://schemas.microsoft.com/office/drawing/2014/main" id="{8F7E85A1-6D72-DC03-E7AC-2E4EBD4A270B}"/>
              </a:ext>
            </a:extLst>
          </p:cNvPr>
          <p:cNvSpPr txBox="1">
            <a:spLocks/>
          </p:cNvSpPr>
          <p:nvPr/>
        </p:nvSpPr>
        <p:spPr>
          <a:xfrm>
            <a:off x="9349506" y="6439476"/>
            <a:ext cx="2743200" cy="365125"/>
          </a:xfrm>
          <a:prstGeom prst="rect">
            <a:avLst/>
          </a:prstGeom>
        </p:spPr>
        <p:txBody>
          <a:bodyPr vert="horz" lIns="91440" tIns="45720" rIns="91440" bIns="45720" rtlCol="0" anchor="ctr"/>
          <a:lstStyle>
            <a:defPPr>
              <a:defRPr lang="en-US"/>
            </a:defPPr>
            <a:lvl1pPr marL="0" algn="r" defTabSz="914400" rtl="0" eaLnBrk="1" latinLnBrk="0" hangingPunct="1">
              <a:defRPr sz="1200" kern="1200">
                <a:solidFill>
                  <a:schemeClr val="tx1">
                    <a:tint val="75000"/>
                  </a:schemeClr>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77068464-4C8E-431E-87E4-567733A7CD2F}" type="slidenum">
              <a:rPr lang="en-IN" sz="1000" smtClean="0">
                <a:solidFill>
                  <a:schemeClr val="bg1"/>
                </a:solidFill>
              </a:rPr>
              <a:pPr/>
              <a:t>31</a:t>
            </a:fld>
            <a:endParaRPr lang="en-IN" sz="1000">
              <a:solidFill>
                <a:schemeClr val="bg1"/>
              </a:solidFill>
            </a:endParaRPr>
          </a:p>
        </p:txBody>
      </p:sp>
    </p:spTree>
    <p:extLst>
      <p:ext uri="{BB962C8B-B14F-4D97-AF65-F5344CB8AC3E}">
        <p14:creationId xmlns:p14="http://schemas.microsoft.com/office/powerpoint/2010/main" val="291424989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nodeType="withEffect">
                                  <p:stCondLst>
                                    <p:cond delay="0"/>
                                  </p:stCondLst>
                                  <p:childTnLst>
                                    <p:set>
                                      <p:cBhvr>
                                        <p:cTn id="6" dur="1" fill="hold">
                                          <p:stCondLst>
                                            <p:cond delay="0"/>
                                          </p:stCondLst>
                                        </p:cTn>
                                        <p:tgtEl>
                                          <p:spTgt spid="55"/>
                                        </p:tgtEl>
                                        <p:attrNameLst>
                                          <p:attrName>style.visibility</p:attrName>
                                        </p:attrNameLst>
                                      </p:cBhvr>
                                      <p:to>
                                        <p:strVal val="visible"/>
                                      </p:to>
                                    </p:set>
                                    <p:anim calcmode="lin" valueType="num">
                                      <p:cBhvr additive="base">
                                        <p:cTn id="7" dur="500" fill="hold"/>
                                        <p:tgtEl>
                                          <p:spTgt spid="55"/>
                                        </p:tgtEl>
                                        <p:attrNameLst>
                                          <p:attrName>ppt_x</p:attrName>
                                        </p:attrNameLst>
                                      </p:cBhvr>
                                      <p:tavLst>
                                        <p:tav tm="0">
                                          <p:val>
                                            <p:strVal val="0-#ppt_w/2"/>
                                          </p:val>
                                        </p:tav>
                                        <p:tav tm="100000">
                                          <p:val>
                                            <p:strVal val="#ppt_x"/>
                                          </p:val>
                                        </p:tav>
                                      </p:tavLst>
                                    </p:anim>
                                    <p:anim calcmode="lin" valueType="num">
                                      <p:cBhvr additive="base">
                                        <p:cTn id="8" dur="500" fill="hold"/>
                                        <p:tgtEl>
                                          <p:spTgt spid="55"/>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8" name="Title 1">
            <a:extLst>
              <a:ext uri="{FF2B5EF4-FFF2-40B4-BE49-F238E27FC236}">
                <a16:creationId xmlns:a16="http://schemas.microsoft.com/office/drawing/2014/main" id="{EF62E507-7BFA-F1A0-A235-E80AC4BA2A49}"/>
              </a:ext>
            </a:extLst>
          </p:cNvPr>
          <p:cNvSpPr txBox="1">
            <a:spLocks/>
          </p:cNvSpPr>
          <p:nvPr/>
        </p:nvSpPr>
        <p:spPr>
          <a:xfrm>
            <a:off x="533401" y="157024"/>
            <a:ext cx="10515600" cy="686003"/>
          </a:xfrm>
          <a:prstGeom prst="rect">
            <a:avLst/>
          </a:prstGeom>
        </p:spPr>
        <p:txBody>
          <a:bodyPr anchor="b"/>
          <a:lstStyle>
            <a:lvl1pPr algn="l" defTabSz="914400" rtl="0" eaLnBrk="1" latinLnBrk="0" hangingPunct="1">
              <a:lnSpc>
                <a:spcPct val="90000"/>
              </a:lnSpc>
              <a:spcBef>
                <a:spcPct val="0"/>
              </a:spcBef>
              <a:buNone/>
              <a:defRPr sz="2200" b="1" kern="1200">
                <a:solidFill>
                  <a:schemeClr val="tx1"/>
                </a:solidFill>
                <a:latin typeface="+mn-lt"/>
                <a:ea typeface="+mj-ea"/>
                <a:cs typeface="+mj-cs"/>
              </a:defRPr>
            </a:lvl1pPr>
          </a:lstStyle>
          <a:p>
            <a:r>
              <a:rPr lang="en-IN"/>
              <a:t>ASSESSMENT GAME</a:t>
            </a:r>
          </a:p>
        </p:txBody>
      </p:sp>
      <p:sp>
        <p:nvSpPr>
          <p:cNvPr id="41" name="Rectangle 40">
            <a:extLst>
              <a:ext uri="{FF2B5EF4-FFF2-40B4-BE49-F238E27FC236}">
                <a16:creationId xmlns:a16="http://schemas.microsoft.com/office/drawing/2014/main" id="{3B557CB6-F09A-CCB8-E6D3-0D0D4BCCBC74}"/>
              </a:ext>
            </a:extLst>
          </p:cNvPr>
          <p:cNvSpPr/>
          <p:nvPr/>
        </p:nvSpPr>
        <p:spPr>
          <a:xfrm>
            <a:off x="0" y="5555849"/>
            <a:ext cx="12192000" cy="1302151"/>
          </a:xfrm>
          <a:prstGeom prst="rect">
            <a:avLst/>
          </a:prstGeom>
          <a:solidFill>
            <a:srgbClr val="0085BE"/>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cxnSp>
        <p:nvCxnSpPr>
          <p:cNvPr id="55" name="Straight Connector 54">
            <a:extLst>
              <a:ext uri="{FF2B5EF4-FFF2-40B4-BE49-F238E27FC236}">
                <a16:creationId xmlns:a16="http://schemas.microsoft.com/office/drawing/2014/main" id="{9866BE4B-05C1-E944-9A2D-3D435550CA01}"/>
              </a:ext>
            </a:extLst>
          </p:cNvPr>
          <p:cNvCxnSpPr/>
          <p:nvPr/>
        </p:nvCxnSpPr>
        <p:spPr>
          <a:xfrm>
            <a:off x="625303" y="882907"/>
            <a:ext cx="640080" cy="0"/>
          </a:xfrm>
          <a:prstGeom prst="line">
            <a:avLst/>
          </a:prstGeom>
          <a:ln w="28575">
            <a:solidFill>
              <a:srgbClr val="0574B0"/>
            </a:solidFill>
          </a:ln>
        </p:spPr>
        <p:style>
          <a:lnRef idx="1">
            <a:schemeClr val="accent1"/>
          </a:lnRef>
          <a:fillRef idx="0">
            <a:schemeClr val="accent1"/>
          </a:fillRef>
          <a:effectRef idx="0">
            <a:schemeClr val="accent1"/>
          </a:effectRef>
          <a:fontRef idx="minor">
            <a:schemeClr val="tx1"/>
          </a:fontRef>
        </p:style>
      </p:cxnSp>
      <p:sp>
        <p:nvSpPr>
          <p:cNvPr id="56" name="Slide Number Placeholder 5">
            <a:extLst>
              <a:ext uri="{FF2B5EF4-FFF2-40B4-BE49-F238E27FC236}">
                <a16:creationId xmlns:a16="http://schemas.microsoft.com/office/drawing/2014/main" id="{8F7E85A1-6D72-DC03-E7AC-2E4EBD4A270B}"/>
              </a:ext>
            </a:extLst>
          </p:cNvPr>
          <p:cNvSpPr txBox="1">
            <a:spLocks/>
          </p:cNvSpPr>
          <p:nvPr/>
        </p:nvSpPr>
        <p:spPr>
          <a:xfrm>
            <a:off x="9349506" y="6439476"/>
            <a:ext cx="2743200" cy="365125"/>
          </a:xfrm>
          <a:prstGeom prst="rect">
            <a:avLst/>
          </a:prstGeom>
        </p:spPr>
        <p:txBody>
          <a:bodyPr vert="horz" lIns="91440" tIns="45720" rIns="91440" bIns="45720" rtlCol="0" anchor="ctr"/>
          <a:lstStyle>
            <a:defPPr>
              <a:defRPr lang="en-US"/>
            </a:defPPr>
            <a:lvl1pPr marL="0" algn="r" defTabSz="914400" rtl="0" eaLnBrk="1" latinLnBrk="0" hangingPunct="1">
              <a:defRPr sz="1200" kern="1200">
                <a:solidFill>
                  <a:schemeClr val="tx1">
                    <a:tint val="75000"/>
                  </a:schemeClr>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77068464-4C8E-431E-87E4-567733A7CD2F}" type="slidenum">
              <a:rPr lang="en-IN" sz="1000" smtClean="0">
                <a:solidFill>
                  <a:schemeClr val="bg1"/>
                </a:solidFill>
              </a:rPr>
              <a:pPr/>
              <a:t>32</a:t>
            </a:fld>
            <a:endParaRPr lang="en-IN" sz="1000">
              <a:solidFill>
                <a:schemeClr val="bg1"/>
              </a:solidFill>
            </a:endParaRPr>
          </a:p>
        </p:txBody>
      </p:sp>
      <p:pic>
        <p:nvPicPr>
          <p:cNvPr id="2" name="Picture 1" descr="A screen shot of a basketball court&#10;&#10;Description automatically generated">
            <a:extLst>
              <a:ext uri="{FF2B5EF4-FFF2-40B4-BE49-F238E27FC236}">
                <a16:creationId xmlns:a16="http://schemas.microsoft.com/office/drawing/2014/main" id="{45ABBF74-D154-1674-9A12-2979918B5612}"/>
              </a:ext>
            </a:extLst>
          </p:cNvPr>
          <p:cNvPicPr>
            <a:picLocks noChangeAspect="1"/>
          </p:cNvPicPr>
          <p:nvPr/>
        </p:nvPicPr>
        <p:blipFill>
          <a:blip r:embed="rId2" cstate="screen">
            <a:extLst>
              <a:ext uri="{28A0092B-C50C-407E-A947-70E740481C1C}">
                <a14:useLocalDpi xmlns:a14="http://schemas.microsoft.com/office/drawing/2010/main"/>
              </a:ext>
            </a:extLst>
          </a:blip>
          <a:stretch>
            <a:fillRect/>
          </a:stretch>
        </p:blipFill>
        <p:spPr>
          <a:xfrm>
            <a:off x="2431435" y="1262426"/>
            <a:ext cx="7329131" cy="4915592"/>
          </a:xfrm>
          <a:prstGeom prst="roundRect">
            <a:avLst>
              <a:gd name="adj" fmla="val 2930"/>
            </a:avLst>
          </a:prstGeom>
          <a:effectLst>
            <a:outerShdw blurRad="50800" dist="38100" dir="2700000" algn="tl" rotWithShape="0">
              <a:prstClr val="black">
                <a:alpha val="20000"/>
              </a:prstClr>
            </a:outerShdw>
          </a:effectLst>
        </p:spPr>
      </p:pic>
    </p:spTree>
    <p:extLst>
      <p:ext uri="{BB962C8B-B14F-4D97-AF65-F5344CB8AC3E}">
        <p14:creationId xmlns:p14="http://schemas.microsoft.com/office/powerpoint/2010/main" val="11846858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nodeType="withEffect">
                                  <p:stCondLst>
                                    <p:cond delay="0"/>
                                  </p:stCondLst>
                                  <p:childTnLst>
                                    <p:set>
                                      <p:cBhvr>
                                        <p:cTn id="6" dur="1" fill="hold">
                                          <p:stCondLst>
                                            <p:cond delay="0"/>
                                          </p:stCondLst>
                                        </p:cTn>
                                        <p:tgtEl>
                                          <p:spTgt spid="55"/>
                                        </p:tgtEl>
                                        <p:attrNameLst>
                                          <p:attrName>style.visibility</p:attrName>
                                        </p:attrNameLst>
                                      </p:cBhvr>
                                      <p:to>
                                        <p:strVal val="visible"/>
                                      </p:to>
                                    </p:set>
                                    <p:anim calcmode="lin" valueType="num">
                                      <p:cBhvr additive="base">
                                        <p:cTn id="7" dur="500" fill="hold"/>
                                        <p:tgtEl>
                                          <p:spTgt spid="55"/>
                                        </p:tgtEl>
                                        <p:attrNameLst>
                                          <p:attrName>ppt_x</p:attrName>
                                        </p:attrNameLst>
                                      </p:cBhvr>
                                      <p:tavLst>
                                        <p:tav tm="0">
                                          <p:val>
                                            <p:strVal val="0-#ppt_w/2"/>
                                          </p:val>
                                        </p:tav>
                                        <p:tav tm="100000">
                                          <p:val>
                                            <p:strVal val="#ppt_x"/>
                                          </p:val>
                                        </p:tav>
                                      </p:tavLst>
                                    </p:anim>
                                    <p:anim calcmode="lin" valueType="num">
                                      <p:cBhvr additive="base">
                                        <p:cTn id="8" dur="500" fill="hold"/>
                                        <p:tgtEl>
                                          <p:spTgt spid="55"/>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8" name="Title 1">
            <a:extLst>
              <a:ext uri="{FF2B5EF4-FFF2-40B4-BE49-F238E27FC236}">
                <a16:creationId xmlns:a16="http://schemas.microsoft.com/office/drawing/2014/main" id="{EF62E507-7BFA-F1A0-A235-E80AC4BA2A49}"/>
              </a:ext>
            </a:extLst>
          </p:cNvPr>
          <p:cNvSpPr txBox="1">
            <a:spLocks/>
          </p:cNvSpPr>
          <p:nvPr/>
        </p:nvSpPr>
        <p:spPr>
          <a:xfrm>
            <a:off x="533401" y="157024"/>
            <a:ext cx="10515600" cy="686003"/>
          </a:xfrm>
          <a:prstGeom prst="rect">
            <a:avLst/>
          </a:prstGeom>
        </p:spPr>
        <p:txBody>
          <a:bodyPr anchor="b"/>
          <a:lstStyle>
            <a:lvl1pPr algn="l" defTabSz="914400" rtl="0" eaLnBrk="1" latinLnBrk="0" hangingPunct="1">
              <a:lnSpc>
                <a:spcPct val="90000"/>
              </a:lnSpc>
              <a:spcBef>
                <a:spcPct val="0"/>
              </a:spcBef>
              <a:buNone/>
              <a:defRPr sz="2200" b="1" kern="1200">
                <a:solidFill>
                  <a:schemeClr val="tx1"/>
                </a:solidFill>
                <a:latin typeface="+mn-lt"/>
                <a:ea typeface="+mj-ea"/>
                <a:cs typeface="+mj-cs"/>
              </a:defRPr>
            </a:lvl1pPr>
          </a:lstStyle>
          <a:p>
            <a:r>
              <a:rPr lang="en-IN"/>
              <a:t>ASSESSMENT GAME</a:t>
            </a:r>
          </a:p>
        </p:txBody>
      </p:sp>
      <p:sp>
        <p:nvSpPr>
          <p:cNvPr id="41" name="Rectangle 40">
            <a:extLst>
              <a:ext uri="{FF2B5EF4-FFF2-40B4-BE49-F238E27FC236}">
                <a16:creationId xmlns:a16="http://schemas.microsoft.com/office/drawing/2014/main" id="{3B557CB6-F09A-CCB8-E6D3-0D0D4BCCBC74}"/>
              </a:ext>
            </a:extLst>
          </p:cNvPr>
          <p:cNvSpPr/>
          <p:nvPr/>
        </p:nvSpPr>
        <p:spPr>
          <a:xfrm>
            <a:off x="0" y="5555849"/>
            <a:ext cx="12192000" cy="1302151"/>
          </a:xfrm>
          <a:prstGeom prst="rect">
            <a:avLst/>
          </a:prstGeom>
          <a:solidFill>
            <a:srgbClr val="0085BE"/>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cxnSp>
        <p:nvCxnSpPr>
          <p:cNvPr id="55" name="Straight Connector 54">
            <a:extLst>
              <a:ext uri="{FF2B5EF4-FFF2-40B4-BE49-F238E27FC236}">
                <a16:creationId xmlns:a16="http://schemas.microsoft.com/office/drawing/2014/main" id="{9866BE4B-05C1-E944-9A2D-3D435550CA01}"/>
              </a:ext>
            </a:extLst>
          </p:cNvPr>
          <p:cNvCxnSpPr/>
          <p:nvPr/>
        </p:nvCxnSpPr>
        <p:spPr>
          <a:xfrm>
            <a:off x="625303" y="882907"/>
            <a:ext cx="640080" cy="0"/>
          </a:xfrm>
          <a:prstGeom prst="line">
            <a:avLst/>
          </a:prstGeom>
          <a:ln w="28575">
            <a:solidFill>
              <a:srgbClr val="0574B0"/>
            </a:solidFill>
          </a:ln>
        </p:spPr>
        <p:style>
          <a:lnRef idx="1">
            <a:schemeClr val="accent1"/>
          </a:lnRef>
          <a:fillRef idx="0">
            <a:schemeClr val="accent1"/>
          </a:fillRef>
          <a:effectRef idx="0">
            <a:schemeClr val="accent1"/>
          </a:effectRef>
          <a:fontRef idx="minor">
            <a:schemeClr val="tx1"/>
          </a:fontRef>
        </p:style>
      </p:cxnSp>
      <p:sp>
        <p:nvSpPr>
          <p:cNvPr id="56" name="Slide Number Placeholder 5">
            <a:extLst>
              <a:ext uri="{FF2B5EF4-FFF2-40B4-BE49-F238E27FC236}">
                <a16:creationId xmlns:a16="http://schemas.microsoft.com/office/drawing/2014/main" id="{8F7E85A1-6D72-DC03-E7AC-2E4EBD4A270B}"/>
              </a:ext>
            </a:extLst>
          </p:cNvPr>
          <p:cNvSpPr txBox="1">
            <a:spLocks/>
          </p:cNvSpPr>
          <p:nvPr/>
        </p:nvSpPr>
        <p:spPr>
          <a:xfrm>
            <a:off x="9349506" y="6439476"/>
            <a:ext cx="2743200" cy="365125"/>
          </a:xfrm>
          <a:prstGeom prst="rect">
            <a:avLst/>
          </a:prstGeom>
        </p:spPr>
        <p:txBody>
          <a:bodyPr vert="horz" lIns="91440" tIns="45720" rIns="91440" bIns="45720" rtlCol="0" anchor="ctr"/>
          <a:lstStyle>
            <a:defPPr>
              <a:defRPr lang="en-US"/>
            </a:defPPr>
            <a:lvl1pPr marL="0" algn="r" defTabSz="914400" rtl="0" eaLnBrk="1" latinLnBrk="0" hangingPunct="1">
              <a:defRPr sz="1200" kern="1200">
                <a:solidFill>
                  <a:schemeClr val="tx1">
                    <a:tint val="75000"/>
                  </a:schemeClr>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77068464-4C8E-431E-87E4-567733A7CD2F}" type="slidenum">
              <a:rPr lang="en-IN" sz="1000" smtClean="0">
                <a:solidFill>
                  <a:schemeClr val="bg1"/>
                </a:solidFill>
              </a:rPr>
              <a:pPr/>
              <a:t>33</a:t>
            </a:fld>
            <a:endParaRPr lang="en-IN" sz="1000">
              <a:solidFill>
                <a:schemeClr val="bg1"/>
              </a:solidFill>
            </a:endParaRPr>
          </a:p>
        </p:txBody>
      </p:sp>
      <p:pic>
        <p:nvPicPr>
          <p:cNvPr id="2" name="Picture 1" descr="A screenshot of a video game&#10;&#10;Description automatically generated">
            <a:extLst>
              <a:ext uri="{FF2B5EF4-FFF2-40B4-BE49-F238E27FC236}">
                <a16:creationId xmlns:a16="http://schemas.microsoft.com/office/drawing/2014/main" id="{B932F0EE-D51F-DABC-39C1-4A400704AC16}"/>
              </a:ext>
            </a:extLst>
          </p:cNvPr>
          <p:cNvPicPr>
            <a:picLocks noChangeAspect="1"/>
          </p:cNvPicPr>
          <p:nvPr/>
        </p:nvPicPr>
        <p:blipFill>
          <a:blip r:embed="rId2" cstate="screen">
            <a:extLst>
              <a:ext uri="{28A0092B-C50C-407E-A947-70E740481C1C}">
                <a14:useLocalDpi xmlns:a14="http://schemas.microsoft.com/office/drawing/2010/main"/>
              </a:ext>
            </a:extLst>
          </a:blip>
          <a:stretch>
            <a:fillRect/>
          </a:stretch>
        </p:blipFill>
        <p:spPr>
          <a:xfrm>
            <a:off x="2431435" y="1262426"/>
            <a:ext cx="7329131" cy="4915592"/>
          </a:xfrm>
          <a:prstGeom prst="roundRect">
            <a:avLst>
              <a:gd name="adj" fmla="val 2930"/>
            </a:avLst>
          </a:prstGeom>
          <a:effectLst>
            <a:outerShdw blurRad="50800" dist="38100" dir="2700000" algn="tl" rotWithShape="0">
              <a:prstClr val="black">
                <a:alpha val="20000"/>
              </a:prstClr>
            </a:outerShdw>
          </a:effectLst>
        </p:spPr>
      </p:pic>
    </p:spTree>
    <p:extLst>
      <p:ext uri="{BB962C8B-B14F-4D97-AF65-F5344CB8AC3E}">
        <p14:creationId xmlns:p14="http://schemas.microsoft.com/office/powerpoint/2010/main" val="248738839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nodeType="withEffect">
                                  <p:stCondLst>
                                    <p:cond delay="0"/>
                                  </p:stCondLst>
                                  <p:childTnLst>
                                    <p:set>
                                      <p:cBhvr>
                                        <p:cTn id="6" dur="1" fill="hold">
                                          <p:stCondLst>
                                            <p:cond delay="0"/>
                                          </p:stCondLst>
                                        </p:cTn>
                                        <p:tgtEl>
                                          <p:spTgt spid="55"/>
                                        </p:tgtEl>
                                        <p:attrNameLst>
                                          <p:attrName>style.visibility</p:attrName>
                                        </p:attrNameLst>
                                      </p:cBhvr>
                                      <p:to>
                                        <p:strVal val="visible"/>
                                      </p:to>
                                    </p:set>
                                    <p:anim calcmode="lin" valueType="num">
                                      <p:cBhvr additive="base">
                                        <p:cTn id="7" dur="500" fill="hold"/>
                                        <p:tgtEl>
                                          <p:spTgt spid="55"/>
                                        </p:tgtEl>
                                        <p:attrNameLst>
                                          <p:attrName>ppt_x</p:attrName>
                                        </p:attrNameLst>
                                      </p:cBhvr>
                                      <p:tavLst>
                                        <p:tav tm="0">
                                          <p:val>
                                            <p:strVal val="0-#ppt_w/2"/>
                                          </p:val>
                                        </p:tav>
                                        <p:tav tm="100000">
                                          <p:val>
                                            <p:strVal val="#ppt_x"/>
                                          </p:val>
                                        </p:tav>
                                      </p:tavLst>
                                    </p:anim>
                                    <p:anim calcmode="lin" valueType="num">
                                      <p:cBhvr additive="base">
                                        <p:cTn id="8" dur="500" fill="hold"/>
                                        <p:tgtEl>
                                          <p:spTgt spid="55"/>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8" name="Title 1">
            <a:extLst>
              <a:ext uri="{FF2B5EF4-FFF2-40B4-BE49-F238E27FC236}">
                <a16:creationId xmlns:a16="http://schemas.microsoft.com/office/drawing/2014/main" id="{EF62E507-7BFA-F1A0-A235-E80AC4BA2A49}"/>
              </a:ext>
            </a:extLst>
          </p:cNvPr>
          <p:cNvSpPr txBox="1">
            <a:spLocks/>
          </p:cNvSpPr>
          <p:nvPr/>
        </p:nvSpPr>
        <p:spPr>
          <a:xfrm>
            <a:off x="533401" y="157024"/>
            <a:ext cx="10515600" cy="686003"/>
          </a:xfrm>
          <a:prstGeom prst="rect">
            <a:avLst/>
          </a:prstGeom>
        </p:spPr>
        <p:txBody>
          <a:bodyPr anchor="b"/>
          <a:lstStyle>
            <a:lvl1pPr algn="l" defTabSz="914400" rtl="0" eaLnBrk="1" latinLnBrk="0" hangingPunct="1">
              <a:lnSpc>
                <a:spcPct val="90000"/>
              </a:lnSpc>
              <a:spcBef>
                <a:spcPct val="0"/>
              </a:spcBef>
              <a:buNone/>
              <a:defRPr sz="2200" b="1" kern="1200">
                <a:solidFill>
                  <a:schemeClr val="tx1"/>
                </a:solidFill>
                <a:latin typeface="+mn-lt"/>
                <a:ea typeface="+mj-ea"/>
                <a:cs typeface="+mj-cs"/>
              </a:defRPr>
            </a:lvl1pPr>
          </a:lstStyle>
          <a:p>
            <a:r>
              <a:rPr lang="en-IN"/>
              <a:t>ASSESSMENT GAME</a:t>
            </a:r>
          </a:p>
        </p:txBody>
      </p:sp>
      <p:sp>
        <p:nvSpPr>
          <p:cNvPr id="41" name="Rectangle 40">
            <a:extLst>
              <a:ext uri="{FF2B5EF4-FFF2-40B4-BE49-F238E27FC236}">
                <a16:creationId xmlns:a16="http://schemas.microsoft.com/office/drawing/2014/main" id="{3B557CB6-F09A-CCB8-E6D3-0D0D4BCCBC74}"/>
              </a:ext>
            </a:extLst>
          </p:cNvPr>
          <p:cNvSpPr/>
          <p:nvPr/>
        </p:nvSpPr>
        <p:spPr>
          <a:xfrm>
            <a:off x="0" y="5555849"/>
            <a:ext cx="12192000" cy="1302151"/>
          </a:xfrm>
          <a:prstGeom prst="rect">
            <a:avLst/>
          </a:prstGeom>
          <a:solidFill>
            <a:srgbClr val="0085BE"/>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cxnSp>
        <p:nvCxnSpPr>
          <p:cNvPr id="55" name="Straight Connector 54">
            <a:extLst>
              <a:ext uri="{FF2B5EF4-FFF2-40B4-BE49-F238E27FC236}">
                <a16:creationId xmlns:a16="http://schemas.microsoft.com/office/drawing/2014/main" id="{9866BE4B-05C1-E944-9A2D-3D435550CA01}"/>
              </a:ext>
            </a:extLst>
          </p:cNvPr>
          <p:cNvCxnSpPr/>
          <p:nvPr/>
        </p:nvCxnSpPr>
        <p:spPr>
          <a:xfrm>
            <a:off x="625303" y="882907"/>
            <a:ext cx="640080" cy="0"/>
          </a:xfrm>
          <a:prstGeom prst="line">
            <a:avLst/>
          </a:prstGeom>
          <a:ln w="28575">
            <a:solidFill>
              <a:srgbClr val="0574B0"/>
            </a:solidFill>
          </a:ln>
        </p:spPr>
        <p:style>
          <a:lnRef idx="1">
            <a:schemeClr val="accent1"/>
          </a:lnRef>
          <a:fillRef idx="0">
            <a:schemeClr val="accent1"/>
          </a:fillRef>
          <a:effectRef idx="0">
            <a:schemeClr val="accent1"/>
          </a:effectRef>
          <a:fontRef idx="minor">
            <a:schemeClr val="tx1"/>
          </a:fontRef>
        </p:style>
      </p:cxnSp>
      <p:sp>
        <p:nvSpPr>
          <p:cNvPr id="56" name="Slide Number Placeholder 5">
            <a:extLst>
              <a:ext uri="{FF2B5EF4-FFF2-40B4-BE49-F238E27FC236}">
                <a16:creationId xmlns:a16="http://schemas.microsoft.com/office/drawing/2014/main" id="{8F7E85A1-6D72-DC03-E7AC-2E4EBD4A270B}"/>
              </a:ext>
            </a:extLst>
          </p:cNvPr>
          <p:cNvSpPr txBox="1">
            <a:spLocks/>
          </p:cNvSpPr>
          <p:nvPr/>
        </p:nvSpPr>
        <p:spPr>
          <a:xfrm>
            <a:off x="9349506" y="6439476"/>
            <a:ext cx="2743200" cy="365125"/>
          </a:xfrm>
          <a:prstGeom prst="rect">
            <a:avLst/>
          </a:prstGeom>
        </p:spPr>
        <p:txBody>
          <a:bodyPr vert="horz" lIns="91440" tIns="45720" rIns="91440" bIns="45720" rtlCol="0" anchor="ctr"/>
          <a:lstStyle>
            <a:defPPr>
              <a:defRPr lang="en-US"/>
            </a:defPPr>
            <a:lvl1pPr marL="0" algn="r" defTabSz="914400" rtl="0" eaLnBrk="1" latinLnBrk="0" hangingPunct="1">
              <a:defRPr sz="1200" kern="1200">
                <a:solidFill>
                  <a:schemeClr val="tx1">
                    <a:tint val="75000"/>
                  </a:schemeClr>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77068464-4C8E-431E-87E4-567733A7CD2F}" type="slidenum">
              <a:rPr lang="en-IN" sz="1000" smtClean="0">
                <a:solidFill>
                  <a:schemeClr val="bg1"/>
                </a:solidFill>
              </a:rPr>
              <a:pPr/>
              <a:t>34</a:t>
            </a:fld>
            <a:endParaRPr lang="en-IN" sz="1000">
              <a:solidFill>
                <a:schemeClr val="bg1"/>
              </a:solidFill>
            </a:endParaRPr>
          </a:p>
        </p:txBody>
      </p:sp>
      <p:pic>
        <p:nvPicPr>
          <p:cNvPr id="2" name="Picture 1" descr="A screenshot of a video game&#10;&#10;Description automatically generated">
            <a:extLst>
              <a:ext uri="{FF2B5EF4-FFF2-40B4-BE49-F238E27FC236}">
                <a16:creationId xmlns:a16="http://schemas.microsoft.com/office/drawing/2014/main" id="{F165FDDC-3DEA-4922-4F6C-791F816E9473}"/>
              </a:ext>
            </a:extLst>
          </p:cNvPr>
          <p:cNvPicPr>
            <a:picLocks noChangeAspect="1"/>
          </p:cNvPicPr>
          <p:nvPr/>
        </p:nvPicPr>
        <p:blipFill>
          <a:blip r:embed="rId2" cstate="screen">
            <a:extLst>
              <a:ext uri="{28A0092B-C50C-407E-A947-70E740481C1C}">
                <a14:useLocalDpi xmlns:a14="http://schemas.microsoft.com/office/drawing/2010/main"/>
              </a:ext>
            </a:extLst>
          </a:blip>
          <a:stretch>
            <a:fillRect/>
          </a:stretch>
        </p:blipFill>
        <p:spPr>
          <a:xfrm>
            <a:off x="2431435" y="1262426"/>
            <a:ext cx="7329131" cy="4915592"/>
          </a:xfrm>
          <a:prstGeom prst="roundRect">
            <a:avLst>
              <a:gd name="adj" fmla="val 2930"/>
            </a:avLst>
          </a:prstGeom>
          <a:effectLst>
            <a:outerShdw blurRad="50800" dist="38100" dir="2700000" algn="tl" rotWithShape="0">
              <a:prstClr val="black">
                <a:alpha val="20000"/>
              </a:prstClr>
            </a:outerShdw>
          </a:effectLst>
        </p:spPr>
      </p:pic>
    </p:spTree>
    <p:extLst>
      <p:ext uri="{BB962C8B-B14F-4D97-AF65-F5344CB8AC3E}">
        <p14:creationId xmlns:p14="http://schemas.microsoft.com/office/powerpoint/2010/main" val="84352858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nodeType="withEffect">
                                  <p:stCondLst>
                                    <p:cond delay="0"/>
                                  </p:stCondLst>
                                  <p:childTnLst>
                                    <p:set>
                                      <p:cBhvr>
                                        <p:cTn id="6" dur="1" fill="hold">
                                          <p:stCondLst>
                                            <p:cond delay="0"/>
                                          </p:stCondLst>
                                        </p:cTn>
                                        <p:tgtEl>
                                          <p:spTgt spid="55"/>
                                        </p:tgtEl>
                                        <p:attrNameLst>
                                          <p:attrName>style.visibility</p:attrName>
                                        </p:attrNameLst>
                                      </p:cBhvr>
                                      <p:to>
                                        <p:strVal val="visible"/>
                                      </p:to>
                                    </p:set>
                                    <p:anim calcmode="lin" valueType="num">
                                      <p:cBhvr additive="base">
                                        <p:cTn id="7" dur="500" fill="hold"/>
                                        <p:tgtEl>
                                          <p:spTgt spid="55"/>
                                        </p:tgtEl>
                                        <p:attrNameLst>
                                          <p:attrName>ppt_x</p:attrName>
                                        </p:attrNameLst>
                                      </p:cBhvr>
                                      <p:tavLst>
                                        <p:tav tm="0">
                                          <p:val>
                                            <p:strVal val="0-#ppt_w/2"/>
                                          </p:val>
                                        </p:tav>
                                        <p:tav tm="100000">
                                          <p:val>
                                            <p:strVal val="#ppt_x"/>
                                          </p:val>
                                        </p:tav>
                                      </p:tavLst>
                                    </p:anim>
                                    <p:anim calcmode="lin" valueType="num">
                                      <p:cBhvr additive="base">
                                        <p:cTn id="8" dur="500" fill="hold"/>
                                        <p:tgtEl>
                                          <p:spTgt spid="55"/>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Rectangle 10">
            <a:extLst>
              <a:ext uri="{FF2B5EF4-FFF2-40B4-BE49-F238E27FC236}">
                <a16:creationId xmlns:a16="http://schemas.microsoft.com/office/drawing/2014/main" id="{3042A63D-50F4-0A03-E21E-B6A6BC39C337}"/>
              </a:ext>
            </a:extLst>
          </p:cNvPr>
          <p:cNvSpPr/>
          <p:nvPr/>
        </p:nvSpPr>
        <p:spPr>
          <a:xfrm>
            <a:off x="0" y="5555849"/>
            <a:ext cx="12192000" cy="1302151"/>
          </a:xfrm>
          <a:prstGeom prst="rect">
            <a:avLst/>
          </a:prstGeom>
          <a:solidFill>
            <a:srgbClr val="0085BE"/>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9" name="Rectangle: Top Corners Rounded 18">
            <a:extLst>
              <a:ext uri="{FF2B5EF4-FFF2-40B4-BE49-F238E27FC236}">
                <a16:creationId xmlns:a16="http://schemas.microsoft.com/office/drawing/2014/main" id="{44097203-A108-C952-C67A-E9468F5DD904}"/>
              </a:ext>
            </a:extLst>
          </p:cNvPr>
          <p:cNvSpPr/>
          <p:nvPr/>
        </p:nvSpPr>
        <p:spPr>
          <a:xfrm>
            <a:off x="10347772" y="5877681"/>
            <a:ext cx="1070810" cy="673768"/>
          </a:xfrm>
          <a:prstGeom prst="round2SameRect">
            <a:avLst>
              <a:gd name="adj1" fmla="val 0"/>
              <a:gd name="adj2" fmla="val 12381"/>
            </a:avLst>
          </a:prstGeom>
          <a:solidFill>
            <a:schemeClr val="bg1"/>
          </a:solidFill>
          <a:ln>
            <a:solidFill>
              <a:schemeClr val="bg1">
                <a:lumMod val="85000"/>
              </a:schemeClr>
            </a:solidFill>
          </a:ln>
          <a:effectLst>
            <a:outerShdw blurRad="50800" dist="38100" dir="2700000" algn="tl" rotWithShape="0">
              <a:prstClr val="black">
                <a:alpha val="1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20" name="TextBox 19">
            <a:hlinkClick r:id="rId3"/>
            <a:extLst>
              <a:ext uri="{FF2B5EF4-FFF2-40B4-BE49-F238E27FC236}">
                <a16:creationId xmlns:a16="http://schemas.microsoft.com/office/drawing/2014/main" id="{86BCD9B1-B8C7-6302-93E7-984DB29010C3}"/>
              </a:ext>
            </a:extLst>
          </p:cNvPr>
          <p:cNvSpPr txBox="1"/>
          <p:nvPr/>
        </p:nvSpPr>
        <p:spPr>
          <a:xfrm>
            <a:off x="10430553" y="6243970"/>
            <a:ext cx="905248" cy="276999"/>
          </a:xfrm>
          <a:prstGeom prst="rect">
            <a:avLst/>
          </a:prstGeom>
          <a:noFill/>
        </p:spPr>
        <p:txBody>
          <a:bodyPr wrap="none" rtlCol="0">
            <a:spAutoFit/>
          </a:bodyPr>
          <a:lstStyle/>
          <a:p>
            <a:r>
              <a:rPr lang="en-IN" sz="1200">
                <a:hlinkClick r:id="rId4"/>
              </a:rPr>
              <a:t>View Demo</a:t>
            </a:r>
            <a:endParaRPr lang="en-IN" sz="1200"/>
          </a:p>
        </p:txBody>
      </p:sp>
      <p:sp>
        <p:nvSpPr>
          <p:cNvPr id="17" name="Rectangle: Top Corners Rounded 16">
            <a:extLst>
              <a:ext uri="{FF2B5EF4-FFF2-40B4-BE49-F238E27FC236}">
                <a16:creationId xmlns:a16="http://schemas.microsoft.com/office/drawing/2014/main" id="{63A5B74F-EF39-A2E0-4A50-D464DDDD86B4}"/>
              </a:ext>
            </a:extLst>
          </p:cNvPr>
          <p:cNvSpPr/>
          <p:nvPr/>
        </p:nvSpPr>
        <p:spPr>
          <a:xfrm>
            <a:off x="6446247" y="5877681"/>
            <a:ext cx="1070810" cy="673768"/>
          </a:xfrm>
          <a:prstGeom prst="round2SameRect">
            <a:avLst>
              <a:gd name="adj1" fmla="val 0"/>
              <a:gd name="adj2" fmla="val 12381"/>
            </a:avLst>
          </a:prstGeom>
          <a:solidFill>
            <a:schemeClr val="bg1"/>
          </a:solidFill>
          <a:ln>
            <a:solidFill>
              <a:schemeClr val="bg1">
                <a:lumMod val="85000"/>
              </a:schemeClr>
            </a:solidFill>
          </a:ln>
          <a:effectLst>
            <a:outerShdw blurRad="50800" dist="38100" dir="2700000" algn="tl" rotWithShape="0">
              <a:prstClr val="black">
                <a:alpha val="1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8" name="TextBox 17">
            <a:hlinkClick r:id="rId3"/>
            <a:extLst>
              <a:ext uri="{FF2B5EF4-FFF2-40B4-BE49-F238E27FC236}">
                <a16:creationId xmlns:a16="http://schemas.microsoft.com/office/drawing/2014/main" id="{D13715D0-EA6D-5658-8E60-7D94CF2DAB82}"/>
              </a:ext>
            </a:extLst>
          </p:cNvPr>
          <p:cNvSpPr txBox="1"/>
          <p:nvPr/>
        </p:nvSpPr>
        <p:spPr>
          <a:xfrm>
            <a:off x="6529028" y="6243970"/>
            <a:ext cx="905248" cy="276999"/>
          </a:xfrm>
          <a:prstGeom prst="rect">
            <a:avLst/>
          </a:prstGeom>
          <a:noFill/>
        </p:spPr>
        <p:txBody>
          <a:bodyPr wrap="none" rtlCol="0">
            <a:spAutoFit/>
          </a:bodyPr>
          <a:lstStyle/>
          <a:p>
            <a:r>
              <a:rPr lang="en-IN" sz="1200">
                <a:hlinkClick r:id="rId3"/>
              </a:rPr>
              <a:t>View Demo</a:t>
            </a:r>
            <a:endParaRPr lang="en-IN" sz="1200"/>
          </a:p>
        </p:txBody>
      </p:sp>
      <p:sp>
        <p:nvSpPr>
          <p:cNvPr id="15" name="Rectangle: Top Corners Rounded 14">
            <a:extLst>
              <a:ext uri="{FF2B5EF4-FFF2-40B4-BE49-F238E27FC236}">
                <a16:creationId xmlns:a16="http://schemas.microsoft.com/office/drawing/2014/main" id="{6339AA40-7B2B-661F-A293-6D0BBC8C27CD}"/>
              </a:ext>
            </a:extLst>
          </p:cNvPr>
          <p:cNvSpPr/>
          <p:nvPr/>
        </p:nvSpPr>
        <p:spPr>
          <a:xfrm>
            <a:off x="2550695" y="5877681"/>
            <a:ext cx="1070810" cy="673768"/>
          </a:xfrm>
          <a:prstGeom prst="round2SameRect">
            <a:avLst>
              <a:gd name="adj1" fmla="val 0"/>
              <a:gd name="adj2" fmla="val 12381"/>
            </a:avLst>
          </a:prstGeom>
          <a:solidFill>
            <a:schemeClr val="bg1"/>
          </a:solidFill>
          <a:ln>
            <a:solidFill>
              <a:schemeClr val="bg1">
                <a:lumMod val="85000"/>
              </a:schemeClr>
            </a:solidFill>
          </a:ln>
          <a:effectLst>
            <a:outerShdw blurRad="50800" dist="38100" dir="2700000" algn="tl" rotWithShape="0">
              <a:prstClr val="black">
                <a:alpha val="1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6" name="TextBox 15">
            <a:extLst>
              <a:ext uri="{FF2B5EF4-FFF2-40B4-BE49-F238E27FC236}">
                <a16:creationId xmlns:a16="http://schemas.microsoft.com/office/drawing/2014/main" id="{BC299B50-F194-B7B8-8842-DDED38C7FDE4}"/>
              </a:ext>
            </a:extLst>
          </p:cNvPr>
          <p:cNvSpPr txBox="1"/>
          <p:nvPr/>
        </p:nvSpPr>
        <p:spPr>
          <a:xfrm>
            <a:off x="2633476" y="6243970"/>
            <a:ext cx="905248" cy="276999"/>
          </a:xfrm>
          <a:prstGeom prst="rect">
            <a:avLst/>
          </a:prstGeom>
          <a:noFill/>
        </p:spPr>
        <p:txBody>
          <a:bodyPr wrap="none" rtlCol="0">
            <a:spAutoFit/>
          </a:bodyPr>
          <a:lstStyle/>
          <a:p>
            <a:r>
              <a:rPr lang="en-IN" sz="1200">
                <a:hlinkClick r:id="rId5"/>
              </a:rPr>
              <a:t>View Demo</a:t>
            </a:r>
            <a:endParaRPr lang="en-IN" sz="1200"/>
          </a:p>
        </p:txBody>
      </p:sp>
      <p:sp>
        <p:nvSpPr>
          <p:cNvPr id="2" name="Title 1">
            <a:extLst>
              <a:ext uri="{FF2B5EF4-FFF2-40B4-BE49-F238E27FC236}">
                <a16:creationId xmlns:a16="http://schemas.microsoft.com/office/drawing/2014/main" id="{E7A8F638-834E-19F7-77E2-40BCA8882887}"/>
              </a:ext>
            </a:extLst>
          </p:cNvPr>
          <p:cNvSpPr>
            <a:spLocks noGrp="1"/>
          </p:cNvSpPr>
          <p:nvPr>
            <p:ph type="title"/>
          </p:nvPr>
        </p:nvSpPr>
        <p:spPr/>
        <p:txBody>
          <a:bodyPr/>
          <a:lstStyle/>
          <a:p>
            <a:r>
              <a:rPr lang="en-IN"/>
              <a:t>BLENDED LEARNING FOR ROBLOX</a:t>
            </a:r>
          </a:p>
        </p:txBody>
      </p:sp>
      <p:sp>
        <p:nvSpPr>
          <p:cNvPr id="10" name="Content Placeholder 9">
            <a:extLst>
              <a:ext uri="{FF2B5EF4-FFF2-40B4-BE49-F238E27FC236}">
                <a16:creationId xmlns:a16="http://schemas.microsoft.com/office/drawing/2014/main" id="{E8E25CDB-7A25-F3FD-68DE-B7CC8A2ACA64}"/>
              </a:ext>
            </a:extLst>
          </p:cNvPr>
          <p:cNvSpPr>
            <a:spLocks noGrp="1"/>
          </p:cNvSpPr>
          <p:nvPr>
            <p:ph idx="1"/>
          </p:nvPr>
        </p:nvSpPr>
        <p:spPr>
          <a:xfrm>
            <a:off x="533401" y="1027352"/>
            <a:ext cx="11008359" cy="2344417"/>
          </a:xfrm>
        </p:spPr>
        <p:txBody>
          <a:bodyPr>
            <a:noAutofit/>
          </a:bodyPr>
          <a:lstStyle/>
          <a:p>
            <a:pPr marL="0" lvl="2" indent="0">
              <a:lnSpc>
                <a:spcPct val="100000"/>
              </a:lnSpc>
              <a:spcBef>
                <a:spcPts val="0"/>
              </a:spcBef>
              <a:buClr>
                <a:srgbClr val="00799E"/>
              </a:buClr>
              <a:buNone/>
            </a:pPr>
            <a:r>
              <a:rPr lang="en-US" sz="1400" b="1">
                <a:solidFill>
                  <a:srgbClr val="00799E"/>
                </a:solidFill>
                <a:latin typeface="+mj-lt"/>
                <a:ea typeface="Roboto" pitchFamily="2" charset="0"/>
                <a:cs typeface="+mj-cs"/>
              </a:rPr>
              <a:t>About the Project:</a:t>
            </a:r>
            <a:r>
              <a:rPr lang="en-US" sz="1400">
                <a:solidFill>
                  <a:srgbClr val="404040"/>
                </a:solidFill>
                <a:latin typeface="+mj-lt"/>
                <a:ea typeface="Roboto" pitchFamily="2" charset="0"/>
              </a:rPr>
              <a:t> To design and develop highly engaging and effective learning materials for the employees of a very well-known gaming platform. This project of 125+ hours of learning involved two programs across various topics, such as HR Policies, IT Management Systems, Technical Troubleshooting, and Moderation process for user-generated content.</a:t>
            </a:r>
          </a:p>
          <a:p>
            <a:pPr marL="171450" lvl="2" indent="-171450">
              <a:lnSpc>
                <a:spcPct val="100000"/>
              </a:lnSpc>
              <a:spcBef>
                <a:spcPts val="0"/>
              </a:spcBef>
              <a:buClr>
                <a:srgbClr val="00799E"/>
              </a:buClr>
              <a:buFont typeface="Arial" panose="020B0604020202020204" pitchFamily="34" charset="0"/>
              <a:buChar char="•"/>
            </a:pPr>
            <a:r>
              <a:rPr lang="en-US" sz="1400">
                <a:solidFill>
                  <a:srgbClr val="404040"/>
                </a:solidFill>
                <a:latin typeface="+mj-lt"/>
                <a:ea typeface="Roboto" pitchFamily="2" charset="0"/>
              </a:rPr>
              <a:t>New hire training: A blended approach with virtual classroom and self-paced online module</a:t>
            </a:r>
          </a:p>
          <a:p>
            <a:pPr marL="171450" lvl="2" indent="-171450">
              <a:lnSpc>
                <a:spcPct val="100000"/>
              </a:lnSpc>
              <a:spcBef>
                <a:spcPts val="0"/>
              </a:spcBef>
              <a:buClr>
                <a:srgbClr val="00799E"/>
              </a:buClr>
              <a:buFont typeface="Arial" panose="020B0604020202020204" pitchFamily="34" charset="0"/>
              <a:buChar char="•"/>
            </a:pPr>
            <a:r>
              <a:rPr lang="en-US" sz="1400">
                <a:solidFill>
                  <a:srgbClr val="404040"/>
                </a:solidFill>
                <a:latin typeface="+mj-lt"/>
                <a:ea typeface="Roboto" pitchFamily="2" charset="0"/>
              </a:rPr>
              <a:t>Role-based/Specialist training: Multiple eLearning modules</a:t>
            </a:r>
          </a:p>
          <a:p>
            <a:pPr marL="171450" lvl="2" indent="-171450">
              <a:lnSpc>
                <a:spcPct val="100000"/>
              </a:lnSpc>
              <a:spcBef>
                <a:spcPts val="0"/>
              </a:spcBef>
              <a:buClr>
                <a:srgbClr val="00799E"/>
              </a:buClr>
              <a:buFont typeface="Arial" panose="020B0604020202020204" pitchFamily="34" charset="0"/>
              <a:buChar char="•"/>
            </a:pPr>
            <a:endParaRPr lang="en-US" sz="1400">
              <a:solidFill>
                <a:srgbClr val="404040"/>
              </a:solidFill>
              <a:latin typeface="+mj-lt"/>
              <a:ea typeface="Roboto" pitchFamily="2" charset="0"/>
            </a:endParaRPr>
          </a:p>
          <a:p>
            <a:pPr marL="0" lvl="2" indent="0">
              <a:lnSpc>
                <a:spcPct val="100000"/>
              </a:lnSpc>
              <a:spcBef>
                <a:spcPts val="0"/>
              </a:spcBef>
              <a:buClr>
                <a:srgbClr val="00799E"/>
              </a:buClr>
              <a:buNone/>
            </a:pPr>
            <a:r>
              <a:rPr lang="en-US" sz="1400" b="1">
                <a:solidFill>
                  <a:srgbClr val="00799E"/>
                </a:solidFill>
                <a:latin typeface="+mj-lt"/>
                <a:ea typeface="Roboto" pitchFamily="2" charset="0"/>
                <a:cs typeface="+mj-cs"/>
              </a:rPr>
              <a:t>Design Highlights:</a:t>
            </a:r>
          </a:p>
          <a:p>
            <a:pPr marL="285750" lvl="2" indent="-285750">
              <a:lnSpc>
                <a:spcPct val="100000"/>
              </a:lnSpc>
              <a:spcBef>
                <a:spcPts val="0"/>
              </a:spcBef>
              <a:buClr>
                <a:srgbClr val="00799E"/>
              </a:buClr>
              <a:buFont typeface="Arial" panose="020B0604020202020204" pitchFamily="34" charset="0"/>
              <a:buChar char="•"/>
            </a:pPr>
            <a:r>
              <a:rPr lang="en-US" sz="1400">
                <a:solidFill>
                  <a:srgbClr val="404040"/>
                </a:solidFill>
                <a:latin typeface="+mj-lt"/>
                <a:ea typeface="Roboto" pitchFamily="2" charset="0"/>
              </a:rPr>
              <a:t>Learning paths for learners from different business lines </a:t>
            </a:r>
          </a:p>
          <a:p>
            <a:pPr marL="285750" lvl="2" indent="-285750">
              <a:lnSpc>
                <a:spcPct val="100000"/>
              </a:lnSpc>
              <a:spcBef>
                <a:spcPts val="0"/>
              </a:spcBef>
              <a:buClr>
                <a:srgbClr val="00799E"/>
              </a:buClr>
              <a:buFont typeface="Arial" panose="020B0604020202020204" pitchFamily="34" charset="0"/>
              <a:buChar char="•"/>
            </a:pPr>
            <a:r>
              <a:rPr lang="en-US" sz="1400">
                <a:solidFill>
                  <a:srgbClr val="404040"/>
                </a:solidFill>
                <a:latin typeface="+mj-lt"/>
                <a:ea typeface="Roboto" pitchFamily="2" charset="0"/>
              </a:rPr>
              <a:t>Game-based scenarios</a:t>
            </a:r>
          </a:p>
          <a:p>
            <a:pPr marL="285750" lvl="2" indent="-285750">
              <a:lnSpc>
                <a:spcPct val="100000"/>
              </a:lnSpc>
              <a:spcBef>
                <a:spcPts val="0"/>
              </a:spcBef>
              <a:buClr>
                <a:srgbClr val="00799E"/>
              </a:buClr>
              <a:buFont typeface="Arial" panose="020B0604020202020204" pitchFamily="34" charset="0"/>
              <a:buChar char="•"/>
            </a:pPr>
            <a:r>
              <a:rPr lang="en-US" sz="1400">
                <a:solidFill>
                  <a:srgbClr val="404040"/>
                </a:solidFill>
                <a:latin typeface="+mj-lt"/>
                <a:ea typeface="Roboto" pitchFamily="2" charset="0"/>
              </a:rPr>
              <a:t>Storytelling techniques</a:t>
            </a:r>
          </a:p>
          <a:p>
            <a:pPr marL="285750" lvl="2" indent="-285750">
              <a:lnSpc>
                <a:spcPct val="100000"/>
              </a:lnSpc>
              <a:spcBef>
                <a:spcPts val="0"/>
              </a:spcBef>
              <a:buClr>
                <a:srgbClr val="00799E"/>
              </a:buClr>
              <a:buFont typeface="Arial" panose="020B0604020202020204" pitchFamily="34" charset="0"/>
              <a:buChar char="•"/>
            </a:pPr>
            <a:r>
              <a:rPr lang="en-US" sz="1400">
                <a:solidFill>
                  <a:srgbClr val="404040"/>
                </a:solidFill>
                <a:latin typeface="+mj-lt"/>
                <a:ea typeface="Roboto" pitchFamily="2" charset="0"/>
              </a:rPr>
              <a:t>Simulations</a:t>
            </a:r>
          </a:p>
          <a:p>
            <a:pPr marL="285750" lvl="2" indent="-285750">
              <a:lnSpc>
                <a:spcPct val="100000"/>
              </a:lnSpc>
              <a:spcBef>
                <a:spcPts val="0"/>
              </a:spcBef>
              <a:buClr>
                <a:srgbClr val="00799E"/>
              </a:buClr>
              <a:buFont typeface="Arial" panose="020B0604020202020204" pitchFamily="34" charset="0"/>
              <a:buChar char="•"/>
            </a:pPr>
            <a:r>
              <a:rPr lang="en-US" sz="1400">
                <a:solidFill>
                  <a:srgbClr val="404040"/>
                </a:solidFill>
                <a:latin typeface="+mj-lt"/>
                <a:ea typeface="Roboto" pitchFamily="2" charset="0"/>
              </a:rPr>
              <a:t>Animations</a:t>
            </a:r>
          </a:p>
          <a:p>
            <a:pPr marL="285750" lvl="2" indent="-285750">
              <a:lnSpc>
                <a:spcPct val="100000"/>
              </a:lnSpc>
              <a:spcBef>
                <a:spcPts val="0"/>
              </a:spcBef>
              <a:buClr>
                <a:srgbClr val="00799E"/>
              </a:buClr>
              <a:buFont typeface="Arial" panose="020B0604020202020204" pitchFamily="34" charset="0"/>
              <a:buChar char="•"/>
            </a:pPr>
            <a:r>
              <a:rPr lang="en-US" sz="1400" b="1">
                <a:solidFill>
                  <a:srgbClr val="404040"/>
                </a:solidFill>
                <a:latin typeface="+mj-lt"/>
                <a:ea typeface="Roboto" pitchFamily="2" charset="0"/>
              </a:rPr>
              <a:t>Built using – Articulate Storyline 360</a:t>
            </a:r>
            <a:endParaRPr lang="en-US" sz="1400">
              <a:solidFill>
                <a:srgbClr val="404040"/>
              </a:solidFill>
              <a:latin typeface="+mj-lt"/>
              <a:ea typeface="Roboto" pitchFamily="2" charset="0"/>
            </a:endParaRPr>
          </a:p>
          <a:p>
            <a:pPr>
              <a:lnSpc>
                <a:spcPct val="100000"/>
              </a:lnSpc>
              <a:spcBef>
                <a:spcPts val="0"/>
              </a:spcBef>
            </a:pPr>
            <a:endParaRPr lang="en-IN" sz="1400"/>
          </a:p>
        </p:txBody>
      </p:sp>
      <p:pic>
        <p:nvPicPr>
          <p:cNvPr id="5" name="Picture 4">
            <a:hlinkClick r:id="rId4"/>
            <a:extLst>
              <a:ext uri="{FF2B5EF4-FFF2-40B4-BE49-F238E27FC236}">
                <a16:creationId xmlns:a16="http://schemas.microsoft.com/office/drawing/2014/main" id="{98D2A257-D5B5-FDF4-1226-9159CC7C1259}"/>
              </a:ext>
            </a:extLst>
          </p:cNvPr>
          <p:cNvPicPr>
            <a:picLocks noChangeAspect="1"/>
          </p:cNvPicPr>
          <p:nvPr/>
        </p:nvPicPr>
        <p:blipFill>
          <a:blip r:embed="rId6" cstate="screen">
            <a:extLst>
              <a:ext uri="{28A0092B-C50C-407E-A947-70E740481C1C}">
                <a14:useLocalDpi xmlns:a14="http://schemas.microsoft.com/office/drawing/2010/main"/>
              </a:ext>
            </a:extLst>
          </a:blip>
          <a:stretch>
            <a:fillRect/>
          </a:stretch>
        </p:blipFill>
        <p:spPr>
          <a:xfrm>
            <a:off x="8376276" y="4421149"/>
            <a:ext cx="3180636" cy="1796695"/>
          </a:xfrm>
          <a:prstGeom prst="roundRect">
            <a:avLst>
              <a:gd name="adj" fmla="val 5036"/>
            </a:avLst>
          </a:prstGeom>
          <a:solidFill>
            <a:schemeClr val="tx1"/>
          </a:solidFill>
          <a:ln>
            <a:solidFill>
              <a:schemeClr val="bg1">
                <a:lumMod val="85000"/>
              </a:schemeClr>
            </a:solidFill>
          </a:ln>
          <a:effectLst>
            <a:outerShdw blurRad="50800" dist="38100" dir="2700000" algn="tl" rotWithShape="0">
              <a:prstClr val="black">
                <a:alpha val="10000"/>
              </a:prstClr>
            </a:outerShdw>
          </a:effectLst>
        </p:spPr>
      </p:pic>
      <p:pic>
        <p:nvPicPr>
          <p:cNvPr id="9" name="Picture 8">
            <a:hlinkClick r:id="rId3"/>
            <a:extLst>
              <a:ext uri="{FF2B5EF4-FFF2-40B4-BE49-F238E27FC236}">
                <a16:creationId xmlns:a16="http://schemas.microsoft.com/office/drawing/2014/main" id="{4BF50F9F-E7FE-5EDD-3600-46C6F7197D78}"/>
              </a:ext>
            </a:extLst>
          </p:cNvPr>
          <p:cNvPicPr>
            <a:picLocks noChangeAspect="1"/>
          </p:cNvPicPr>
          <p:nvPr/>
        </p:nvPicPr>
        <p:blipFill>
          <a:blip r:embed="rId7" cstate="screen">
            <a:extLst>
              <a:ext uri="{28A0092B-C50C-407E-A947-70E740481C1C}">
                <a14:useLocalDpi xmlns:a14="http://schemas.microsoft.com/office/drawing/2010/main"/>
              </a:ext>
            </a:extLst>
          </a:blip>
          <a:stretch>
            <a:fillRect/>
          </a:stretch>
        </p:blipFill>
        <p:spPr>
          <a:xfrm>
            <a:off x="4382196" y="4421149"/>
            <a:ext cx="3235902" cy="1796695"/>
          </a:xfrm>
          <a:prstGeom prst="roundRect">
            <a:avLst>
              <a:gd name="adj" fmla="val 5036"/>
            </a:avLst>
          </a:prstGeom>
          <a:solidFill>
            <a:schemeClr val="tx1"/>
          </a:solidFill>
          <a:ln>
            <a:solidFill>
              <a:schemeClr val="bg1">
                <a:lumMod val="85000"/>
              </a:schemeClr>
            </a:solidFill>
          </a:ln>
          <a:effectLst>
            <a:outerShdw blurRad="50800" dist="38100" dir="2700000" algn="tl" rotWithShape="0">
              <a:prstClr val="black">
                <a:alpha val="10000"/>
              </a:prstClr>
            </a:outerShdw>
          </a:effectLst>
        </p:spPr>
      </p:pic>
      <p:pic>
        <p:nvPicPr>
          <p:cNvPr id="13" name="Picture 12">
            <a:hlinkClick r:id="rId5"/>
            <a:extLst>
              <a:ext uri="{FF2B5EF4-FFF2-40B4-BE49-F238E27FC236}">
                <a16:creationId xmlns:a16="http://schemas.microsoft.com/office/drawing/2014/main" id="{9F675A39-769D-9B7D-CBC3-F6E9CC3A8466}"/>
              </a:ext>
            </a:extLst>
          </p:cNvPr>
          <p:cNvPicPr>
            <a:picLocks noChangeAspect="1"/>
          </p:cNvPicPr>
          <p:nvPr/>
        </p:nvPicPr>
        <p:blipFill>
          <a:blip r:embed="rId8" cstate="screen">
            <a:extLst>
              <a:ext uri="{28A0092B-C50C-407E-A947-70E740481C1C}">
                <a14:useLocalDpi xmlns:a14="http://schemas.microsoft.com/office/drawing/2010/main"/>
              </a:ext>
            </a:extLst>
          </a:blip>
          <a:stretch>
            <a:fillRect/>
          </a:stretch>
        </p:blipFill>
        <p:spPr>
          <a:xfrm>
            <a:off x="533401" y="4421149"/>
            <a:ext cx="3180636" cy="1773758"/>
          </a:xfrm>
          <a:prstGeom prst="roundRect">
            <a:avLst>
              <a:gd name="adj" fmla="val 5036"/>
            </a:avLst>
          </a:prstGeom>
          <a:solidFill>
            <a:schemeClr val="tx1"/>
          </a:solidFill>
          <a:ln>
            <a:solidFill>
              <a:schemeClr val="bg1">
                <a:lumMod val="85000"/>
              </a:schemeClr>
            </a:solidFill>
          </a:ln>
          <a:effectLst>
            <a:outerShdw blurRad="50800" dist="38100" dir="2700000" algn="tl" rotWithShape="0">
              <a:prstClr val="black">
                <a:alpha val="10000"/>
              </a:prstClr>
            </a:outerShdw>
          </a:effectLst>
        </p:spPr>
      </p:pic>
      <p:sp>
        <p:nvSpPr>
          <p:cNvPr id="12" name="Slide Number Placeholder 5">
            <a:extLst>
              <a:ext uri="{FF2B5EF4-FFF2-40B4-BE49-F238E27FC236}">
                <a16:creationId xmlns:a16="http://schemas.microsoft.com/office/drawing/2014/main" id="{06CFDB37-1335-38B3-452D-8A6E826AED98}"/>
              </a:ext>
            </a:extLst>
          </p:cNvPr>
          <p:cNvSpPr txBox="1">
            <a:spLocks/>
          </p:cNvSpPr>
          <p:nvPr/>
        </p:nvSpPr>
        <p:spPr>
          <a:xfrm>
            <a:off x="11633200" y="6439476"/>
            <a:ext cx="459506" cy="365125"/>
          </a:xfrm>
          <a:prstGeom prst="rect">
            <a:avLst/>
          </a:prstGeom>
        </p:spPr>
        <p:txBody>
          <a:bodyPr vert="horz" lIns="91440" tIns="45720" rIns="91440" bIns="45720" rtlCol="0" anchor="ctr"/>
          <a:lstStyle>
            <a:defPPr>
              <a:defRPr lang="en-US"/>
            </a:defPPr>
            <a:lvl1pPr marL="0" algn="r" defTabSz="914400" rtl="0" eaLnBrk="1" latinLnBrk="0" hangingPunct="1">
              <a:defRPr sz="1200" kern="1200">
                <a:solidFill>
                  <a:schemeClr val="tx1">
                    <a:tint val="75000"/>
                  </a:schemeClr>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77068464-4C8E-431E-87E4-567733A7CD2F}" type="slidenum">
              <a:rPr lang="en-IN" sz="1000" smtClean="0">
                <a:solidFill>
                  <a:schemeClr val="bg1"/>
                </a:solidFill>
              </a:rPr>
              <a:pPr/>
              <a:t>35</a:t>
            </a:fld>
            <a:endParaRPr lang="en-IN" sz="1000">
              <a:solidFill>
                <a:schemeClr val="bg1"/>
              </a:solidFill>
            </a:endParaRPr>
          </a:p>
        </p:txBody>
      </p:sp>
      <p:sp>
        <p:nvSpPr>
          <p:cNvPr id="14" name="Slide Number Placeholder 5">
            <a:extLst>
              <a:ext uri="{FF2B5EF4-FFF2-40B4-BE49-F238E27FC236}">
                <a16:creationId xmlns:a16="http://schemas.microsoft.com/office/drawing/2014/main" id="{63D7B974-C952-9D14-284B-ADA9B87885C9}"/>
              </a:ext>
            </a:extLst>
          </p:cNvPr>
          <p:cNvSpPr txBox="1">
            <a:spLocks/>
          </p:cNvSpPr>
          <p:nvPr/>
        </p:nvSpPr>
        <p:spPr>
          <a:xfrm>
            <a:off x="9349506" y="6439476"/>
            <a:ext cx="2743200" cy="365125"/>
          </a:xfrm>
          <a:prstGeom prst="rect">
            <a:avLst/>
          </a:prstGeom>
        </p:spPr>
        <p:txBody>
          <a:bodyPr vert="horz" lIns="91440" tIns="45720" rIns="91440" bIns="45720" rtlCol="0" anchor="ctr"/>
          <a:lstStyle>
            <a:defPPr>
              <a:defRPr lang="en-US"/>
            </a:defPPr>
            <a:lvl1pPr marL="0" algn="r" defTabSz="914400" rtl="0" eaLnBrk="1" latinLnBrk="0" hangingPunct="1">
              <a:defRPr sz="1200" kern="1200">
                <a:solidFill>
                  <a:schemeClr val="tx1">
                    <a:tint val="75000"/>
                  </a:schemeClr>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77068464-4C8E-431E-87E4-567733A7CD2F}" type="slidenum">
              <a:rPr lang="en-IN" sz="1000" smtClean="0">
                <a:solidFill>
                  <a:schemeClr val="bg1"/>
                </a:solidFill>
              </a:rPr>
              <a:pPr/>
              <a:t>35</a:t>
            </a:fld>
            <a:endParaRPr lang="en-IN" sz="1000">
              <a:solidFill>
                <a:schemeClr val="bg1"/>
              </a:solidFill>
            </a:endParaRPr>
          </a:p>
        </p:txBody>
      </p:sp>
      <p:sp>
        <p:nvSpPr>
          <p:cNvPr id="4" name="TextBox 3">
            <a:extLst>
              <a:ext uri="{FF2B5EF4-FFF2-40B4-BE49-F238E27FC236}">
                <a16:creationId xmlns:a16="http://schemas.microsoft.com/office/drawing/2014/main" id="{69C03EA4-5AD0-6832-0881-9E9B9CBEA79C}"/>
              </a:ext>
            </a:extLst>
          </p:cNvPr>
          <p:cNvSpPr txBox="1"/>
          <p:nvPr/>
        </p:nvSpPr>
        <p:spPr>
          <a:xfrm>
            <a:off x="508490" y="6253623"/>
            <a:ext cx="1934896" cy="276999"/>
          </a:xfrm>
          <a:prstGeom prst="rect">
            <a:avLst/>
          </a:prstGeom>
          <a:solidFill>
            <a:srgbClr val="FFFF00"/>
          </a:solid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IN" sz="1200" i="1">
                <a:solidFill>
                  <a:srgbClr val="FF0000"/>
                </a:solidFill>
                <a:latin typeface="+mj-lt"/>
                <a:ea typeface="Roboto" pitchFamily="2" charset="0"/>
              </a:rPr>
              <a:t>Password: iEnergizer_2022</a:t>
            </a:r>
          </a:p>
        </p:txBody>
      </p:sp>
      <p:sp>
        <p:nvSpPr>
          <p:cNvPr id="21" name="TextBox 20">
            <a:extLst>
              <a:ext uri="{FF2B5EF4-FFF2-40B4-BE49-F238E27FC236}">
                <a16:creationId xmlns:a16="http://schemas.microsoft.com/office/drawing/2014/main" id="{718B1B7E-C8A0-53F9-68F4-81D5924F7D34}"/>
              </a:ext>
            </a:extLst>
          </p:cNvPr>
          <p:cNvSpPr txBox="1"/>
          <p:nvPr/>
        </p:nvSpPr>
        <p:spPr>
          <a:xfrm>
            <a:off x="4439988" y="6253623"/>
            <a:ext cx="1934896" cy="276999"/>
          </a:xfrm>
          <a:prstGeom prst="rect">
            <a:avLst/>
          </a:prstGeom>
          <a:solidFill>
            <a:srgbClr val="FFFF00"/>
          </a:solidFill>
        </p:spPr>
        <p:txBody>
          <a:bodyPr wrap="square">
            <a:spAutoFit/>
          </a:bodyPr>
          <a:lstStyle>
            <a:defPPr>
              <a:defRPr lang="en-US"/>
            </a:defPPr>
            <a:lvl1pPr marR="0" lvl="0" indent="0" fontAlgn="auto">
              <a:lnSpc>
                <a:spcPct val="100000"/>
              </a:lnSpc>
              <a:spcBef>
                <a:spcPts val="0"/>
              </a:spcBef>
              <a:spcAft>
                <a:spcPts val="0"/>
              </a:spcAft>
              <a:buClrTx/>
              <a:buSzTx/>
              <a:buFontTx/>
              <a:buNone/>
              <a:tabLst/>
              <a:defRPr sz="1200" i="1">
                <a:solidFill>
                  <a:srgbClr val="FF0000"/>
                </a:solidFill>
                <a:latin typeface="+mj-lt"/>
                <a:ea typeface="Roboto" pitchFamily="2" charset="0"/>
              </a:defRPr>
            </a:lvl1pPr>
          </a:lstStyle>
          <a:p>
            <a:r>
              <a:rPr lang="en-IN"/>
              <a:t>Password: iEnergizer_2022</a:t>
            </a:r>
          </a:p>
        </p:txBody>
      </p:sp>
      <p:sp>
        <p:nvSpPr>
          <p:cNvPr id="22" name="TextBox 21">
            <a:extLst>
              <a:ext uri="{FF2B5EF4-FFF2-40B4-BE49-F238E27FC236}">
                <a16:creationId xmlns:a16="http://schemas.microsoft.com/office/drawing/2014/main" id="{8B410B1E-3608-F3DF-5A20-348F8BCD5802}"/>
              </a:ext>
            </a:extLst>
          </p:cNvPr>
          <p:cNvSpPr txBox="1"/>
          <p:nvPr/>
        </p:nvSpPr>
        <p:spPr>
          <a:xfrm>
            <a:off x="8371486" y="6253623"/>
            <a:ext cx="1934896" cy="276999"/>
          </a:xfrm>
          <a:prstGeom prst="rect">
            <a:avLst/>
          </a:prstGeom>
          <a:solidFill>
            <a:srgbClr val="FFFF00"/>
          </a:solidFill>
        </p:spPr>
        <p:txBody>
          <a:bodyPr wrap="square">
            <a:spAutoFit/>
          </a:bodyPr>
          <a:lstStyle>
            <a:defPPr>
              <a:defRPr lang="en-US"/>
            </a:defPPr>
            <a:lvl1pPr marR="0" lvl="0" indent="0" fontAlgn="auto">
              <a:lnSpc>
                <a:spcPct val="100000"/>
              </a:lnSpc>
              <a:spcBef>
                <a:spcPts val="0"/>
              </a:spcBef>
              <a:spcAft>
                <a:spcPts val="0"/>
              </a:spcAft>
              <a:buClrTx/>
              <a:buSzTx/>
              <a:buFontTx/>
              <a:buNone/>
              <a:tabLst/>
              <a:defRPr sz="1200" i="1">
                <a:solidFill>
                  <a:srgbClr val="FF0000"/>
                </a:solidFill>
                <a:latin typeface="+mj-lt"/>
                <a:ea typeface="Roboto" pitchFamily="2" charset="0"/>
              </a:defRPr>
            </a:lvl1pPr>
          </a:lstStyle>
          <a:p>
            <a:r>
              <a:rPr lang="en-IN"/>
              <a:t>Password: iEnergizer_2022</a:t>
            </a:r>
          </a:p>
        </p:txBody>
      </p:sp>
    </p:spTree>
    <p:extLst>
      <p:ext uri="{BB962C8B-B14F-4D97-AF65-F5344CB8AC3E}">
        <p14:creationId xmlns:p14="http://schemas.microsoft.com/office/powerpoint/2010/main" val="460545546"/>
      </p:ext>
    </p:extLst>
  </p:cSld>
  <p:clrMapOvr>
    <a:masterClrMapping/>
  </p:clrMapOvr>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 name="Rectangle 16">
            <a:extLst>
              <a:ext uri="{FF2B5EF4-FFF2-40B4-BE49-F238E27FC236}">
                <a16:creationId xmlns:a16="http://schemas.microsoft.com/office/drawing/2014/main" id="{14926F8A-67AB-C952-5DA3-FD8916D046A1}"/>
              </a:ext>
            </a:extLst>
          </p:cNvPr>
          <p:cNvSpPr/>
          <p:nvPr/>
        </p:nvSpPr>
        <p:spPr>
          <a:xfrm>
            <a:off x="0" y="5555849"/>
            <a:ext cx="12192000" cy="1302151"/>
          </a:xfrm>
          <a:prstGeom prst="rect">
            <a:avLst/>
          </a:prstGeom>
          <a:solidFill>
            <a:srgbClr val="0085BE"/>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0" name="Rectangle: Top Corners Rounded 9">
            <a:extLst>
              <a:ext uri="{FF2B5EF4-FFF2-40B4-BE49-F238E27FC236}">
                <a16:creationId xmlns:a16="http://schemas.microsoft.com/office/drawing/2014/main" id="{02EF499B-85B8-563F-C947-2CCE43518F35}"/>
              </a:ext>
            </a:extLst>
          </p:cNvPr>
          <p:cNvSpPr/>
          <p:nvPr/>
        </p:nvSpPr>
        <p:spPr>
          <a:xfrm>
            <a:off x="7707224" y="5826034"/>
            <a:ext cx="1070810" cy="673768"/>
          </a:xfrm>
          <a:prstGeom prst="round2SameRect">
            <a:avLst>
              <a:gd name="adj1" fmla="val 0"/>
              <a:gd name="adj2" fmla="val 12381"/>
            </a:avLst>
          </a:prstGeom>
          <a:solidFill>
            <a:schemeClr val="bg1"/>
          </a:solidFill>
          <a:ln>
            <a:solidFill>
              <a:schemeClr val="bg1">
                <a:lumMod val="85000"/>
              </a:schemeClr>
            </a:solidFill>
          </a:ln>
          <a:effectLst>
            <a:outerShdw blurRad="50800" dist="38100" dir="2700000" algn="tl" rotWithShape="0">
              <a:prstClr val="black">
                <a:alpha val="1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sz="1200"/>
          </a:p>
        </p:txBody>
      </p:sp>
      <p:sp>
        <p:nvSpPr>
          <p:cNvPr id="12" name="TextBox 11">
            <a:extLst>
              <a:ext uri="{FF2B5EF4-FFF2-40B4-BE49-F238E27FC236}">
                <a16:creationId xmlns:a16="http://schemas.microsoft.com/office/drawing/2014/main" id="{A212C8E0-BCFE-1ABA-F9A6-AEF580CFE3E2}"/>
              </a:ext>
            </a:extLst>
          </p:cNvPr>
          <p:cNvSpPr txBox="1"/>
          <p:nvPr/>
        </p:nvSpPr>
        <p:spPr>
          <a:xfrm>
            <a:off x="7790005" y="6213718"/>
            <a:ext cx="905248" cy="276999"/>
          </a:xfrm>
          <a:prstGeom prst="rect">
            <a:avLst/>
          </a:prstGeom>
          <a:noFill/>
        </p:spPr>
        <p:txBody>
          <a:bodyPr wrap="none" rtlCol="0">
            <a:spAutoFit/>
          </a:bodyPr>
          <a:lstStyle/>
          <a:p>
            <a:r>
              <a:rPr lang="en-IN" sz="1200">
                <a:hlinkClick r:id="rId2"/>
              </a:rPr>
              <a:t>View Demo</a:t>
            </a:r>
            <a:endParaRPr lang="en-IN" sz="1200"/>
          </a:p>
        </p:txBody>
      </p:sp>
      <p:sp>
        <p:nvSpPr>
          <p:cNvPr id="5" name="Rectangle: Top Corners Rounded 4">
            <a:extLst>
              <a:ext uri="{FF2B5EF4-FFF2-40B4-BE49-F238E27FC236}">
                <a16:creationId xmlns:a16="http://schemas.microsoft.com/office/drawing/2014/main" id="{DE95B523-1C09-FA89-7066-5C1FB080260F}"/>
              </a:ext>
            </a:extLst>
          </p:cNvPr>
          <p:cNvSpPr/>
          <p:nvPr/>
        </p:nvSpPr>
        <p:spPr>
          <a:xfrm>
            <a:off x="4717803" y="5826034"/>
            <a:ext cx="1070810" cy="673768"/>
          </a:xfrm>
          <a:prstGeom prst="round2SameRect">
            <a:avLst>
              <a:gd name="adj1" fmla="val 0"/>
              <a:gd name="adj2" fmla="val 12381"/>
            </a:avLst>
          </a:prstGeom>
          <a:solidFill>
            <a:schemeClr val="bg1"/>
          </a:solidFill>
          <a:ln>
            <a:solidFill>
              <a:schemeClr val="bg1">
                <a:lumMod val="85000"/>
              </a:schemeClr>
            </a:solidFill>
          </a:ln>
          <a:effectLst>
            <a:outerShdw blurRad="50800" dist="38100" dir="2700000" algn="tl" rotWithShape="0">
              <a:prstClr val="black">
                <a:alpha val="1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sz="1200"/>
          </a:p>
        </p:txBody>
      </p:sp>
      <p:sp>
        <p:nvSpPr>
          <p:cNvPr id="9" name="TextBox 8">
            <a:extLst>
              <a:ext uri="{FF2B5EF4-FFF2-40B4-BE49-F238E27FC236}">
                <a16:creationId xmlns:a16="http://schemas.microsoft.com/office/drawing/2014/main" id="{EF3A1639-ACEA-1C9F-819F-CFCC986E47DB}"/>
              </a:ext>
            </a:extLst>
          </p:cNvPr>
          <p:cNvSpPr txBox="1"/>
          <p:nvPr/>
        </p:nvSpPr>
        <p:spPr>
          <a:xfrm>
            <a:off x="4800584" y="6213718"/>
            <a:ext cx="905248" cy="276999"/>
          </a:xfrm>
          <a:prstGeom prst="rect">
            <a:avLst/>
          </a:prstGeom>
          <a:noFill/>
        </p:spPr>
        <p:txBody>
          <a:bodyPr wrap="none" rtlCol="0">
            <a:spAutoFit/>
          </a:bodyPr>
          <a:lstStyle/>
          <a:p>
            <a:r>
              <a:rPr lang="en-IN" sz="1200">
                <a:hlinkClick r:id="rId3"/>
              </a:rPr>
              <a:t>View Demo</a:t>
            </a:r>
            <a:endParaRPr lang="en-IN" sz="1200"/>
          </a:p>
        </p:txBody>
      </p:sp>
      <p:sp>
        <p:nvSpPr>
          <p:cNvPr id="3" name="Rectangle: Top Corners Rounded 2">
            <a:extLst>
              <a:ext uri="{FF2B5EF4-FFF2-40B4-BE49-F238E27FC236}">
                <a16:creationId xmlns:a16="http://schemas.microsoft.com/office/drawing/2014/main" id="{00E5239E-30E2-C2A2-5A93-4D47B0AD873D}"/>
              </a:ext>
            </a:extLst>
          </p:cNvPr>
          <p:cNvSpPr/>
          <p:nvPr/>
        </p:nvSpPr>
        <p:spPr>
          <a:xfrm>
            <a:off x="1756905" y="5826034"/>
            <a:ext cx="1070810" cy="673768"/>
          </a:xfrm>
          <a:prstGeom prst="round2SameRect">
            <a:avLst>
              <a:gd name="adj1" fmla="val 0"/>
              <a:gd name="adj2" fmla="val 12381"/>
            </a:avLst>
          </a:prstGeom>
          <a:solidFill>
            <a:schemeClr val="bg1"/>
          </a:solidFill>
          <a:ln>
            <a:solidFill>
              <a:schemeClr val="bg1">
                <a:lumMod val="85000"/>
              </a:schemeClr>
            </a:solidFill>
          </a:ln>
          <a:effectLst>
            <a:outerShdw blurRad="50800" dist="38100" dir="2700000" algn="tl" rotWithShape="0">
              <a:prstClr val="black">
                <a:alpha val="1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sz="1200"/>
          </a:p>
        </p:txBody>
      </p:sp>
      <p:sp>
        <p:nvSpPr>
          <p:cNvPr id="2" name="Title 1">
            <a:extLst>
              <a:ext uri="{FF2B5EF4-FFF2-40B4-BE49-F238E27FC236}">
                <a16:creationId xmlns:a16="http://schemas.microsoft.com/office/drawing/2014/main" id="{2447EBAC-CFBA-8B81-4EB2-EDD4413595B3}"/>
              </a:ext>
            </a:extLst>
          </p:cNvPr>
          <p:cNvSpPr>
            <a:spLocks noGrp="1"/>
          </p:cNvSpPr>
          <p:nvPr>
            <p:ph type="title"/>
          </p:nvPr>
        </p:nvSpPr>
        <p:spPr/>
        <p:txBody>
          <a:bodyPr/>
          <a:lstStyle/>
          <a:p>
            <a:r>
              <a:rPr lang="en-US"/>
              <a:t>ADDITIONAL SAMPLES</a:t>
            </a:r>
            <a:endParaRPr lang="en-IN"/>
          </a:p>
        </p:txBody>
      </p:sp>
      <p:pic>
        <p:nvPicPr>
          <p:cNvPr id="6" name="Picture 5">
            <a:hlinkClick r:id="rId4"/>
            <a:extLst>
              <a:ext uri="{FF2B5EF4-FFF2-40B4-BE49-F238E27FC236}">
                <a16:creationId xmlns:a16="http://schemas.microsoft.com/office/drawing/2014/main" id="{26ED9680-0663-A342-767F-8994191D8B10}"/>
              </a:ext>
            </a:extLst>
          </p:cNvPr>
          <p:cNvPicPr>
            <a:picLocks noChangeAspect="1"/>
          </p:cNvPicPr>
          <p:nvPr/>
        </p:nvPicPr>
        <p:blipFill rotWithShape="1">
          <a:blip r:embed="rId5" cstate="screen">
            <a:extLst>
              <a:ext uri="{28A0092B-C50C-407E-A947-70E740481C1C}">
                <a14:useLocalDpi xmlns:a14="http://schemas.microsoft.com/office/drawing/2010/main"/>
              </a:ext>
            </a:extLst>
          </a:blip>
          <a:srcRect/>
          <a:stretch/>
        </p:blipFill>
        <p:spPr>
          <a:xfrm>
            <a:off x="608807" y="4690023"/>
            <a:ext cx="2328556" cy="1472895"/>
          </a:xfrm>
          <a:prstGeom prst="roundRect">
            <a:avLst>
              <a:gd name="adj" fmla="val 2906"/>
            </a:avLst>
          </a:prstGeom>
          <a:solidFill>
            <a:schemeClr val="tx1"/>
          </a:solidFill>
          <a:ln>
            <a:solidFill>
              <a:schemeClr val="bg1">
                <a:lumMod val="85000"/>
              </a:schemeClr>
            </a:solidFill>
          </a:ln>
          <a:effectLst>
            <a:outerShdw blurRad="50800" dist="38100" dir="2700000" algn="tl" rotWithShape="0">
              <a:prstClr val="black">
                <a:alpha val="10000"/>
              </a:prstClr>
            </a:outerShdw>
          </a:effectLst>
        </p:spPr>
      </p:pic>
      <p:pic>
        <p:nvPicPr>
          <p:cNvPr id="7" name="Picture 6" descr="A picture containing text, indoor, floor, ceiling&#10;&#10;Description automatically generated">
            <a:hlinkClick r:id="rId3"/>
            <a:extLst>
              <a:ext uri="{FF2B5EF4-FFF2-40B4-BE49-F238E27FC236}">
                <a16:creationId xmlns:a16="http://schemas.microsoft.com/office/drawing/2014/main" id="{572052D4-B0BA-94D4-316E-83E7F044FCC5}"/>
              </a:ext>
            </a:extLst>
          </p:cNvPr>
          <p:cNvPicPr>
            <a:picLocks noChangeAspect="1"/>
          </p:cNvPicPr>
          <p:nvPr/>
        </p:nvPicPr>
        <p:blipFill>
          <a:blip r:embed="rId6" cstate="screen">
            <a:extLst>
              <a:ext uri="{28A0092B-C50C-407E-A947-70E740481C1C}">
                <a14:useLocalDpi xmlns:a14="http://schemas.microsoft.com/office/drawing/2010/main"/>
              </a:ext>
            </a:extLst>
          </a:blip>
          <a:stretch>
            <a:fillRect/>
          </a:stretch>
        </p:blipFill>
        <p:spPr>
          <a:xfrm>
            <a:off x="3325321" y="4690023"/>
            <a:ext cx="2562392" cy="1472895"/>
          </a:xfrm>
          <a:prstGeom prst="roundRect">
            <a:avLst>
              <a:gd name="adj" fmla="val 2906"/>
            </a:avLst>
          </a:prstGeom>
          <a:solidFill>
            <a:schemeClr val="tx1"/>
          </a:solidFill>
          <a:ln>
            <a:solidFill>
              <a:schemeClr val="bg1">
                <a:lumMod val="85000"/>
              </a:schemeClr>
            </a:solidFill>
          </a:ln>
          <a:effectLst>
            <a:outerShdw blurRad="50800" dist="38100" dir="2700000" algn="tl" rotWithShape="0">
              <a:prstClr val="black">
                <a:alpha val="10000"/>
              </a:prstClr>
            </a:outerShdw>
          </a:effectLst>
        </p:spPr>
      </p:pic>
      <p:pic>
        <p:nvPicPr>
          <p:cNvPr id="8" name="Picture 7">
            <a:hlinkClick r:id="rId2"/>
            <a:extLst>
              <a:ext uri="{FF2B5EF4-FFF2-40B4-BE49-F238E27FC236}">
                <a16:creationId xmlns:a16="http://schemas.microsoft.com/office/drawing/2014/main" id="{17495A0E-42BD-B840-4AFD-44B549A85753}"/>
              </a:ext>
            </a:extLst>
          </p:cNvPr>
          <p:cNvPicPr>
            <a:picLocks noChangeAspect="1"/>
          </p:cNvPicPr>
          <p:nvPr/>
        </p:nvPicPr>
        <p:blipFill rotWithShape="1">
          <a:blip r:embed="rId7" cstate="screen">
            <a:extLst>
              <a:ext uri="{28A0092B-C50C-407E-A947-70E740481C1C}">
                <a14:useLocalDpi xmlns:a14="http://schemas.microsoft.com/office/drawing/2010/main"/>
              </a:ext>
            </a:extLst>
          </a:blip>
          <a:srcRect/>
          <a:stretch/>
        </p:blipFill>
        <p:spPr>
          <a:xfrm>
            <a:off x="6275671" y="4690023"/>
            <a:ext cx="2577568" cy="1472895"/>
          </a:xfrm>
          <a:prstGeom prst="roundRect">
            <a:avLst>
              <a:gd name="adj" fmla="val 2906"/>
            </a:avLst>
          </a:prstGeom>
          <a:solidFill>
            <a:schemeClr val="tx1"/>
          </a:solidFill>
          <a:ln>
            <a:solidFill>
              <a:schemeClr val="bg1">
                <a:lumMod val="85000"/>
              </a:schemeClr>
            </a:solidFill>
          </a:ln>
          <a:effectLst>
            <a:outerShdw blurRad="50800" dist="38100" dir="2700000" algn="tl" rotWithShape="0">
              <a:prstClr val="black">
                <a:alpha val="10000"/>
              </a:prstClr>
            </a:outerShdw>
          </a:effectLst>
        </p:spPr>
      </p:pic>
      <p:sp>
        <p:nvSpPr>
          <p:cNvPr id="4" name="TextBox 3">
            <a:extLst>
              <a:ext uri="{FF2B5EF4-FFF2-40B4-BE49-F238E27FC236}">
                <a16:creationId xmlns:a16="http://schemas.microsoft.com/office/drawing/2014/main" id="{A4EE4691-63F1-1F87-1F58-E176D59254C8}"/>
              </a:ext>
            </a:extLst>
          </p:cNvPr>
          <p:cNvSpPr txBox="1"/>
          <p:nvPr/>
        </p:nvSpPr>
        <p:spPr>
          <a:xfrm>
            <a:off x="1839686" y="6213718"/>
            <a:ext cx="905248" cy="276999"/>
          </a:xfrm>
          <a:prstGeom prst="rect">
            <a:avLst/>
          </a:prstGeom>
          <a:noFill/>
        </p:spPr>
        <p:txBody>
          <a:bodyPr wrap="none" rtlCol="0">
            <a:spAutoFit/>
          </a:bodyPr>
          <a:lstStyle/>
          <a:p>
            <a:r>
              <a:rPr lang="en-IN" sz="1200">
                <a:hlinkClick r:id="rId4"/>
              </a:rPr>
              <a:t>View Demo</a:t>
            </a:r>
            <a:endParaRPr lang="en-IN" sz="1200"/>
          </a:p>
        </p:txBody>
      </p:sp>
      <p:sp>
        <p:nvSpPr>
          <p:cNvPr id="14" name="TextBox 13">
            <a:extLst>
              <a:ext uri="{FF2B5EF4-FFF2-40B4-BE49-F238E27FC236}">
                <a16:creationId xmlns:a16="http://schemas.microsoft.com/office/drawing/2014/main" id="{4B51F2E7-0E1E-2A7C-C14D-62245FEE6FEF}"/>
              </a:ext>
            </a:extLst>
          </p:cNvPr>
          <p:cNvSpPr txBox="1"/>
          <p:nvPr/>
        </p:nvSpPr>
        <p:spPr>
          <a:xfrm>
            <a:off x="533401" y="1023938"/>
            <a:ext cx="2601232" cy="3216265"/>
          </a:xfrm>
          <a:prstGeom prst="rect">
            <a:avLst/>
          </a:prstGeom>
          <a:noFill/>
        </p:spPr>
        <p:txBody>
          <a:bodyPr wrap="square" lIns="91440" tIns="45720" rIns="91440" bIns="45720" anchor="t">
            <a:spAutoFit/>
          </a:bodyPr>
          <a:lstStyle/>
          <a:p>
            <a:pPr marL="0" lvl="2">
              <a:spcBef>
                <a:spcPts val="600"/>
              </a:spcBef>
              <a:spcAft>
                <a:spcPts val="600"/>
              </a:spcAft>
              <a:buClr>
                <a:srgbClr val="00799E"/>
              </a:buClr>
            </a:pPr>
            <a:r>
              <a:rPr lang="en-US" sz="1200" b="1">
                <a:solidFill>
                  <a:srgbClr val="00799E"/>
                </a:solidFill>
                <a:latin typeface="+mj-lt"/>
                <a:ea typeface="Roboto"/>
                <a:cs typeface="+mj-cs"/>
              </a:rPr>
              <a:t>Analytics Infuse Game</a:t>
            </a:r>
          </a:p>
          <a:p>
            <a:pPr marL="285750" lvl="2" indent="-285750">
              <a:spcAft>
                <a:spcPts val="600"/>
              </a:spcAft>
              <a:buClr>
                <a:srgbClr val="00799E"/>
              </a:buClr>
              <a:buFont typeface="Arial" panose="020B0604020202020204" pitchFamily="34" charset="0"/>
              <a:buChar char="•"/>
            </a:pPr>
            <a:r>
              <a:rPr lang="en-US" sz="1200">
                <a:solidFill>
                  <a:srgbClr val="404040"/>
                </a:solidFill>
                <a:latin typeface="+mj-lt"/>
                <a:ea typeface="Roboto"/>
              </a:rPr>
              <a:t>Gamified simulation as a learning aid for content on Analytics, Big Data and Artificial Intelligence (AI)</a:t>
            </a:r>
            <a:endParaRPr lang="en-US" sz="1200">
              <a:solidFill>
                <a:srgbClr val="404040"/>
              </a:solidFill>
              <a:latin typeface="+mj-lt"/>
              <a:ea typeface="Roboto"/>
              <a:cs typeface="Calibri Light"/>
            </a:endParaRPr>
          </a:p>
          <a:p>
            <a:pPr marL="285750" lvl="2" indent="-285750">
              <a:spcAft>
                <a:spcPts val="600"/>
              </a:spcAft>
              <a:buClr>
                <a:srgbClr val="00799E"/>
              </a:buClr>
              <a:buFont typeface="Arial" panose="020B0604020202020204" pitchFamily="34" charset="0"/>
              <a:buChar char="•"/>
            </a:pPr>
            <a:r>
              <a:rPr lang="en-US" sz="1200">
                <a:solidFill>
                  <a:srgbClr val="404040"/>
                </a:solidFill>
                <a:latin typeface="+mj-lt"/>
                <a:ea typeface="Roboto"/>
              </a:rPr>
              <a:t>The simulation uses a futuristic theme that is:</a:t>
            </a:r>
            <a:endParaRPr lang="en-US" sz="1200">
              <a:solidFill>
                <a:srgbClr val="404040"/>
              </a:solidFill>
              <a:latin typeface="+mj-lt"/>
              <a:ea typeface="Roboto"/>
              <a:cs typeface="Calibri Light"/>
            </a:endParaRPr>
          </a:p>
          <a:p>
            <a:pPr marL="742950" lvl="1" indent="-285750">
              <a:spcAft>
                <a:spcPts val="600"/>
              </a:spcAft>
              <a:buFont typeface="Courier New" panose="02070309020205020404" pitchFamily="49" charset="0"/>
              <a:buChar char="o"/>
            </a:pPr>
            <a:r>
              <a:rPr lang="en-US" sz="1200">
                <a:solidFill>
                  <a:srgbClr val="4D4D4D"/>
                </a:solidFill>
              </a:rPr>
              <a:t>facilitated through a data model </a:t>
            </a:r>
          </a:p>
          <a:p>
            <a:pPr marL="742950" lvl="1" indent="-285750">
              <a:spcAft>
                <a:spcPts val="600"/>
              </a:spcAft>
              <a:buFont typeface="Courier New" panose="02070309020205020404" pitchFamily="49" charset="0"/>
              <a:buChar char="o"/>
            </a:pPr>
            <a:r>
              <a:rPr lang="en-US" sz="1200">
                <a:solidFill>
                  <a:srgbClr val="4D4D4D"/>
                </a:solidFill>
              </a:rPr>
              <a:t>driven using highly interactive features </a:t>
            </a:r>
            <a:endParaRPr lang="en-US" sz="1200">
              <a:solidFill>
                <a:srgbClr val="4D4D4D"/>
              </a:solidFill>
              <a:cs typeface="Calibri"/>
            </a:endParaRPr>
          </a:p>
          <a:p>
            <a:pPr marL="742950" lvl="1" indent="-285750">
              <a:spcAft>
                <a:spcPts val="600"/>
              </a:spcAft>
              <a:buFont typeface="Courier New" panose="02070309020205020404" pitchFamily="49" charset="0"/>
              <a:buChar char="o"/>
            </a:pPr>
            <a:r>
              <a:rPr lang="en-US" sz="1200">
                <a:solidFill>
                  <a:srgbClr val="4D4D4D"/>
                </a:solidFill>
              </a:rPr>
              <a:t>time bound </a:t>
            </a:r>
            <a:endParaRPr lang="en-US" sz="1200">
              <a:solidFill>
                <a:srgbClr val="4D4D4D"/>
              </a:solidFill>
              <a:cs typeface="Calibri"/>
            </a:endParaRPr>
          </a:p>
          <a:p>
            <a:pPr marL="285750" lvl="2" indent="-285750">
              <a:spcAft>
                <a:spcPts val="600"/>
              </a:spcAft>
              <a:buClr>
                <a:srgbClr val="00799E"/>
              </a:buClr>
              <a:buFont typeface="Arial" panose="020B0604020202020204" pitchFamily="34" charset="0"/>
              <a:buChar char="•"/>
            </a:pPr>
            <a:r>
              <a:rPr lang="en-US" sz="1200">
                <a:solidFill>
                  <a:srgbClr val="404040"/>
                </a:solidFill>
                <a:latin typeface="+mj-lt"/>
                <a:ea typeface="Roboto"/>
              </a:rPr>
              <a:t>Designed to influence and impress. (Affective domain)</a:t>
            </a:r>
            <a:endParaRPr lang="en-US" sz="1200">
              <a:solidFill>
                <a:srgbClr val="404040"/>
              </a:solidFill>
              <a:latin typeface="+mj-lt"/>
              <a:ea typeface="Roboto"/>
              <a:cs typeface="Calibri Light"/>
            </a:endParaRPr>
          </a:p>
          <a:p>
            <a:pPr marL="285750" lvl="2" indent="-285750">
              <a:spcAft>
                <a:spcPts val="600"/>
              </a:spcAft>
              <a:buClr>
                <a:srgbClr val="00799E"/>
              </a:buClr>
              <a:buFont typeface="Arial" panose="020B0604020202020204" pitchFamily="34" charset="0"/>
              <a:buChar char="•"/>
            </a:pPr>
            <a:r>
              <a:rPr lang="en-US" sz="1200" b="1">
                <a:solidFill>
                  <a:srgbClr val="404040"/>
                </a:solidFill>
                <a:latin typeface="+mj-lt"/>
                <a:ea typeface="Roboto"/>
              </a:rPr>
              <a:t>Built using – Custom HTML5</a:t>
            </a:r>
            <a:endParaRPr lang="en-US" sz="1200">
              <a:solidFill>
                <a:srgbClr val="404040"/>
              </a:solidFill>
              <a:latin typeface="+mj-lt"/>
              <a:ea typeface="Roboto" pitchFamily="2" charset="0"/>
            </a:endParaRPr>
          </a:p>
        </p:txBody>
      </p:sp>
      <p:sp>
        <p:nvSpPr>
          <p:cNvPr id="15" name="TextBox 14">
            <a:extLst>
              <a:ext uri="{FF2B5EF4-FFF2-40B4-BE49-F238E27FC236}">
                <a16:creationId xmlns:a16="http://schemas.microsoft.com/office/drawing/2014/main" id="{37B435BB-6427-914F-D510-8DD4D7EA7736}"/>
              </a:ext>
            </a:extLst>
          </p:cNvPr>
          <p:cNvSpPr txBox="1"/>
          <p:nvPr/>
        </p:nvSpPr>
        <p:spPr>
          <a:xfrm>
            <a:off x="3286378" y="1023938"/>
            <a:ext cx="2601233" cy="2877711"/>
          </a:xfrm>
          <a:prstGeom prst="rect">
            <a:avLst/>
          </a:prstGeom>
          <a:noFill/>
        </p:spPr>
        <p:txBody>
          <a:bodyPr wrap="square" lIns="91440" tIns="45720" rIns="91440" bIns="45720" anchor="t">
            <a:spAutoFit/>
          </a:bodyPr>
          <a:lstStyle/>
          <a:p>
            <a:pPr marL="0" lvl="2">
              <a:spcBef>
                <a:spcPts val="600"/>
              </a:spcBef>
              <a:spcAft>
                <a:spcPts val="600"/>
              </a:spcAft>
              <a:buClr>
                <a:srgbClr val="00799E"/>
              </a:buClr>
            </a:pPr>
            <a:r>
              <a:rPr lang="en-US" sz="1200" b="1">
                <a:solidFill>
                  <a:srgbClr val="00799E"/>
                </a:solidFill>
                <a:latin typeface="+mj-lt"/>
                <a:ea typeface="Roboto"/>
                <a:cs typeface="+mj-cs"/>
              </a:rPr>
              <a:t>COSM</a:t>
            </a:r>
            <a:endParaRPr lang="en-US" sz="1200">
              <a:solidFill>
                <a:srgbClr val="404040"/>
              </a:solidFill>
              <a:latin typeface="+mj-lt"/>
              <a:ea typeface="Roboto"/>
            </a:endParaRPr>
          </a:p>
          <a:p>
            <a:pPr marL="285750" lvl="2" indent="-285750">
              <a:spcAft>
                <a:spcPts val="600"/>
              </a:spcAft>
              <a:buClr>
                <a:srgbClr val="00799E"/>
              </a:buClr>
              <a:buFont typeface="Arial" panose="020B0604020202020204" pitchFamily="34" charset="0"/>
              <a:buChar char="•"/>
            </a:pPr>
            <a:r>
              <a:rPr lang="en-US" sz="1200">
                <a:solidFill>
                  <a:srgbClr val="404040"/>
                </a:solidFill>
                <a:latin typeface="+mj-lt"/>
                <a:ea typeface="Roboto"/>
              </a:rPr>
              <a:t>A role-based training design to cater to personalized learning experience</a:t>
            </a:r>
            <a:endParaRPr lang="en-US" sz="1200">
              <a:solidFill>
                <a:srgbClr val="404040"/>
              </a:solidFill>
              <a:latin typeface="+mj-lt"/>
              <a:ea typeface="Roboto"/>
              <a:cs typeface="Calibri Light"/>
            </a:endParaRPr>
          </a:p>
          <a:p>
            <a:pPr marL="285750" lvl="2" indent="-285750">
              <a:spcAft>
                <a:spcPts val="600"/>
              </a:spcAft>
              <a:buClr>
                <a:srgbClr val="00799E"/>
              </a:buClr>
              <a:buFont typeface="Arial" panose="020B0604020202020204" pitchFamily="34" charset="0"/>
              <a:buChar char="•"/>
            </a:pPr>
            <a:r>
              <a:rPr lang="en-US" sz="1200">
                <a:solidFill>
                  <a:srgbClr val="404040"/>
                </a:solidFill>
                <a:latin typeface="+mj-lt"/>
                <a:ea typeface="Roboto"/>
              </a:rPr>
              <a:t>Competency-based induction driven through exploratory, panoramic view</a:t>
            </a:r>
            <a:endParaRPr lang="en-US" sz="1200">
              <a:solidFill>
                <a:srgbClr val="404040"/>
              </a:solidFill>
              <a:latin typeface="+mj-lt"/>
              <a:ea typeface="Roboto"/>
              <a:cs typeface="Calibri Light"/>
            </a:endParaRPr>
          </a:p>
          <a:p>
            <a:pPr marL="285750" lvl="2" indent="-285750">
              <a:spcAft>
                <a:spcPts val="600"/>
              </a:spcAft>
              <a:buClr>
                <a:srgbClr val="00799E"/>
              </a:buClr>
              <a:buFont typeface="Arial" panose="020B0604020202020204" pitchFamily="34" charset="0"/>
              <a:buChar char="•"/>
            </a:pPr>
            <a:r>
              <a:rPr lang="en-US" sz="1200">
                <a:solidFill>
                  <a:srgbClr val="404040"/>
                </a:solidFill>
                <a:latin typeface="+mj-lt"/>
                <a:ea typeface="Roboto"/>
              </a:rPr>
              <a:t>Use of AI-generated video and audio</a:t>
            </a:r>
            <a:endParaRPr lang="en-US" sz="1200">
              <a:solidFill>
                <a:srgbClr val="404040"/>
              </a:solidFill>
              <a:latin typeface="+mj-lt"/>
              <a:ea typeface="Roboto"/>
              <a:cs typeface="Calibri Light"/>
            </a:endParaRPr>
          </a:p>
          <a:p>
            <a:pPr marL="285750" lvl="2" indent="-285750">
              <a:spcAft>
                <a:spcPts val="600"/>
              </a:spcAft>
              <a:buClr>
                <a:srgbClr val="00799E"/>
              </a:buClr>
              <a:buFont typeface="Arial" panose="020B0604020202020204" pitchFamily="34" charset="0"/>
              <a:buChar char="•"/>
            </a:pPr>
            <a:r>
              <a:rPr lang="en-US" sz="1200">
                <a:solidFill>
                  <a:srgbClr val="404040"/>
                </a:solidFill>
                <a:latin typeface="+mj-lt"/>
                <a:ea typeface="Roboto"/>
              </a:rPr>
              <a:t>Environment created using rich visuals</a:t>
            </a:r>
            <a:endParaRPr lang="en-US" sz="1200">
              <a:solidFill>
                <a:srgbClr val="404040"/>
              </a:solidFill>
              <a:latin typeface="+mj-lt"/>
              <a:ea typeface="Roboto"/>
              <a:cs typeface="Calibri Light"/>
            </a:endParaRPr>
          </a:p>
          <a:p>
            <a:pPr marL="285750" lvl="2" indent="-285750">
              <a:spcAft>
                <a:spcPts val="600"/>
              </a:spcAft>
              <a:buClr>
                <a:srgbClr val="00799E"/>
              </a:buClr>
              <a:buFont typeface="Arial" panose="020B0604020202020204" pitchFamily="34" charset="0"/>
              <a:buChar char="•"/>
            </a:pPr>
            <a:r>
              <a:rPr lang="en-US" sz="1200" b="1">
                <a:solidFill>
                  <a:srgbClr val="404040"/>
                </a:solidFill>
                <a:latin typeface="+mj-lt"/>
                <a:ea typeface="Roboto"/>
              </a:rPr>
              <a:t>Built using – Articulate Storyline 360, and AI agent</a:t>
            </a:r>
            <a:endParaRPr lang="en-US" sz="1200">
              <a:solidFill>
                <a:srgbClr val="404040"/>
              </a:solidFill>
              <a:latin typeface="+mj-lt"/>
              <a:ea typeface="Roboto" pitchFamily="2" charset="0"/>
            </a:endParaRPr>
          </a:p>
        </p:txBody>
      </p:sp>
      <p:sp>
        <p:nvSpPr>
          <p:cNvPr id="16" name="TextBox 15">
            <a:extLst>
              <a:ext uri="{FF2B5EF4-FFF2-40B4-BE49-F238E27FC236}">
                <a16:creationId xmlns:a16="http://schemas.microsoft.com/office/drawing/2014/main" id="{562874B3-F985-B89D-F92F-FBE420C7ED06}"/>
              </a:ext>
            </a:extLst>
          </p:cNvPr>
          <p:cNvSpPr txBox="1"/>
          <p:nvPr/>
        </p:nvSpPr>
        <p:spPr>
          <a:xfrm>
            <a:off x="6206742" y="1023938"/>
            <a:ext cx="2645799" cy="3431709"/>
          </a:xfrm>
          <a:prstGeom prst="rect">
            <a:avLst/>
          </a:prstGeom>
          <a:noFill/>
        </p:spPr>
        <p:txBody>
          <a:bodyPr wrap="square" lIns="91440" tIns="45720" rIns="91440" bIns="45720" anchor="t">
            <a:spAutoFit/>
          </a:bodyPr>
          <a:lstStyle/>
          <a:p>
            <a:pPr marL="0" marR="0" lvl="2" fontAlgn="base">
              <a:spcBef>
                <a:spcPts val="600"/>
              </a:spcBef>
              <a:spcAft>
                <a:spcPts val="600"/>
              </a:spcAft>
              <a:buClr>
                <a:srgbClr val="00799E"/>
              </a:buClr>
              <a:buSzTx/>
              <a:tabLst/>
              <a:defRPr/>
            </a:pPr>
            <a:r>
              <a:rPr lang="en-US" sz="1200" b="1">
                <a:solidFill>
                  <a:srgbClr val="00799E"/>
                </a:solidFill>
                <a:latin typeface="+mj-lt"/>
                <a:ea typeface="Roboto"/>
                <a:cs typeface="+mj-cs"/>
              </a:rPr>
              <a:t>Office of the CIO</a:t>
            </a:r>
            <a:endParaRPr lang="en-US" sz="1200">
              <a:solidFill>
                <a:srgbClr val="404040"/>
              </a:solidFill>
              <a:latin typeface="+mj-lt"/>
              <a:ea typeface="Roboto"/>
            </a:endParaRPr>
          </a:p>
          <a:p>
            <a:pPr marL="285750" marR="0" lvl="2" indent="-285750" fontAlgn="base">
              <a:spcAft>
                <a:spcPts val="600"/>
              </a:spcAft>
              <a:buClr>
                <a:srgbClr val="00799E"/>
              </a:buClr>
              <a:buSzTx/>
              <a:buFont typeface="Arial" panose="020B0604020202020204" pitchFamily="34" charset="0"/>
              <a:buChar char="•"/>
              <a:tabLst/>
              <a:defRPr/>
            </a:pPr>
            <a:r>
              <a:rPr lang="en-US" sz="1200">
                <a:solidFill>
                  <a:srgbClr val="404040"/>
                </a:solidFill>
                <a:latin typeface="+mj-lt"/>
                <a:ea typeface="Roboto"/>
              </a:rPr>
              <a:t>An immersive learning design to help learners know all about CIO, one of the divisions at Workday</a:t>
            </a:r>
            <a:endParaRPr lang="en-US" sz="1200">
              <a:solidFill>
                <a:srgbClr val="404040"/>
              </a:solidFill>
              <a:latin typeface="+mj-lt"/>
              <a:ea typeface="Roboto"/>
              <a:cs typeface="Calibri Light"/>
            </a:endParaRPr>
          </a:p>
          <a:p>
            <a:pPr marL="285750" lvl="2" indent="-285750" fontAlgn="base">
              <a:spcAft>
                <a:spcPts val="600"/>
              </a:spcAft>
              <a:buClr>
                <a:srgbClr val="00799E"/>
              </a:buClr>
              <a:buFont typeface="Arial" panose="020B0604020202020204" pitchFamily="34" charset="0"/>
              <a:buChar char="•"/>
              <a:defRPr/>
            </a:pPr>
            <a:r>
              <a:rPr lang="en-US" sz="1200">
                <a:solidFill>
                  <a:srgbClr val="404040"/>
                </a:solidFill>
                <a:latin typeface="+mj-lt"/>
                <a:ea typeface="Roboto"/>
              </a:rPr>
              <a:t>Immersive experience by leveraging the 360° image interactions </a:t>
            </a:r>
            <a:endParaRPr lang="en-US" sz="1200">
              <a:solidFill>
                <a:srgbClr val="404040"/>
              </a:solidFill>
              <a:latin typeface="+mj-lt"/>
              <a:ea typeface="Roboto" pitchFamily="2" charset="0"/>
              <a:cs typeface="Calibri Light"/>
            </a:endParaRPr>
          </a:p>
          <a:p>
            <a:pPr marL="285750" marR="0" lvl="2" indent="-285750" fontAlgn="base">
              <a:spcAft>
                <a:spcPts val="600"/>
              </a:spcAft>
              <a:buClr>
                <a:srgbClr val="00799E"/>
              </a:buClr>
              <a:buSzTx/>
              <a:buFont typeface="Arial" panose="020B0604020202020204" pitchFamily="34" charset="0"/>
              <a:buChar char="•"/>
              <a:tabLst/>
              <a:defRPr/>
            </a:pPr>
            <a:r>
              <a:rPr lang="en-US" sz="1200">
                <a:solidFill>
                  <a:srgbClr val="404040"/>
                </a:solidFill>
                <a:latin typeface="+mj-lt"/>
                <a:ea typeface="Roboto"/>
              </a:rPr>
              <a:t>Exploratory approach to learn is implemented through 360 view of the environment and clickable hotspots within it</a:t>
            </a:r>
            <a:endParaRPr lang="en-US" sz="1200">
              <a:solidFill>
                <a:srgbClr val="404040"/>
              </a:solidFill>
              <a:latin typeface="+mj-lt"/>
              <a:ea typeface="Roboto"/>
              <a:cs typeface="Calibri Light"/>
            </a:endParaRPr>
          </a:p>
          <a:p>
            <a:pPr marL="285750" marR="0" lvl="2" indent="-285750" fontAlgn="base">
              <a:spcAft>
                <a:spcPts val="600"/>
              </a:spcAft>
              <a:buClr>
                <a:srgbClr val="00799E"/>
              </a:buClr>
              <a:buSzTx/>
              <a:buFont typeface="Arial" panose="020B0604020202020204" pitchFamily="34" charset="0"/>
              <a:buChar char="•"/>
              <a:tabLst/>
              <a:defRPr/>
            </a:pPr>
            <a:r>
              <a:rPr lang="en-US" sz="1200">
                <a:solidFill>
                  <a:srgbClr val="404040"/>
                </a:solidFill>
                <a:latin typeface="+mj-lt"/>
                <a:ea typeface="Roboto"/>
              </a:rPr>
              <a:t>Real people videos added life to the course by making it effective and engaging</a:t>
            </a:r>
            <a:endParaRPr lang="en-US" sz="1200">
              <a:solidFill>
                <a:srgbClr val="404040"/>
              </a:solidFill>
              <a:latin typeface="+mj-lt"/>
              <a:ea typeface="Roboto"/>
              <a:cs typeface="Calibri Light"/>
            </a:endParaRPr>
          </a:p>
          <a:p>
            <a:pPr marL="285750" lvl="2" indent="-285750" fontAlgn="base">
              <a:spcAft>
                <a:spcPts val="600"/>
              </a:spcAft>
              <a:buClr>
                <a:srgbClr val="00799E"/>
              </a:buClr>
              <a:buFont typeface="Arial" panose="020B0604020202020204" pitchFamily="34" charset="0"/>
              <a:buChar char="•"/>
              <a:defRPr/>
            </a:pPr>
            <a:r>
              <a:rPr lang="en-US" sz="1200" b="1">
                <a:solidFill>
                  <a:srgbClr val="404040"/>
                </a:solidFill>
                <a:latin typeface="+mj-lt"/>
                <a:ea typeface="Roboto"/>
              </a:rPr>
              <a:t>Built using – Articulate Storyline 360 and green-screen videos</a:t>
            </a:r>
            <a:endParaRPr lang="en-US" sz="1200">
              <a:solidFill>
                <a:srgbClr val="404040"/>
              </a:solidFill>
              <a:latin typeface="+mj-lt"/>
              <a:ea typeface="Roboto" pitchFamily="2" charset="0"/>
            </a:endParaRPr>
          </a:p>
        </p:txBody>
      </p:sp>
      <p:sp>
        <p:nvSpPr>
          <p:cNvPr id="11" name="Rectangle: Top Corners Rounded 10">
            <a:extLst>
              <a:ext uri="{FF2B5EF4-FFF2-40B4-BE49-F238E27FC236}">
                <a16:creationId xmlns:a16="http://schemas.microsoft.com/office/drawing/2014/main" id="{219A836F-001A-B4DB-73AC-7939AD68382C}"/>
              </a:ext>
            </a:extLst>
          </p:cNvPr>
          <p:cNvSpPr/>
          <p:nvPr/>
        </p:nvSpPr>
        <p:spPr>
          <a:xfrm>
            <a:off x="10658332" y="5826034"/>
            <a:ext cx="1070810" cy="673768"/>
          </a:xfrm>
          <a:prstGeom prst="round2SameRect">
            <a:avLst>
              <a:gd name="adj1" fmla="val 0"/>
              <a:gd name="adj2" fmla="val 12381"/>
            </a:avLst>
          </a:prstGeom>
          <a:solidFill>
            <a:schemeClr val="bg1"/>
          </a:solidFill>
          <a:ln>
            <a:solidFill>
              <a:schemeClr val="bg1">
                <a:lumMod val="85000"/>
              </a:schemeClr>
            </a:solidFill>
          </a:ln>
          <a:effectLst>
            <a:outerShdw blurRad="50800" dist="38100" dir="2700000" algn="tl" rotWithShape="0">
              <a:prstClr val="black">
                <a:alpha val="1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sz="1200"/>
          </a:p>
        </p:txBody>
      </p:sp>
      <p:sp>
        <p:nvSpPr>
          <p:cNvPr id="13" name="TextBox 12">
            <a:extLst>
              <a:ext uri="{FF2B5EF4-FFF2-40B4-BE49-F238E27FC236}">
                <a16:creationId xmlns:a16="http://schemas.microsoft.com/office/drawing/2014/main" id="{B502011B-C5F3-B794-4B84-CBC4C1D456C1}"/>
              </a:ext>
            </a:extLst>
          </p:cNvPr>
          <p:cNvSpPr txBox="1"/>
          <p:nvPr/>
        </p:nvSpPr>
        <p:spPr>
          <a:xfrm>
            <a:off x="10741113" y="6213718"/>
            <a:ext cx="905248" cy="276999"/>
          </a:xfrm>
          <a:prstGeom prst="rect">
            <a:avLst/>
          </a:prstGeom>
          <a:noFill/>
        </p:spPr>
        <p:txBody>
          <a:bodyPr wrap="none" rtlCol="0">
            <a:spAutoFit/>
          </a:bodyPr>
          <a:lstStyle/>
          <a:p>
            <a:r>
              <a:rPr lang="en-IN" sz="1200">
                <a:hlinkClick r:id="rId8"/>
              </a:rPr>
              <a:t>View Demo</a:t>
            </a:r>
            <a:endParaRPr lang="en-IN" sz="1200"/>
          </a:p>
        </p:txBody>
      </p:sp>
      <p:sp>
        <p:nvSpPr>
          <p:cNvPr id="18" name="TextBox 17">
            <a:extLst>
              <a:ext uri="{FF2B5EF4-FFF2-40B4-BE49-F238E27FC236}">
                <a16:creationId xmlns:a16="http://schemas.microsoft.com/office/drawing/2014/main" id="{D1BC6BB3-01BE-C855-A39F-CF208DB9FA8E}"/>
              </a:ext>
            </a:extLst>
          </p:cNvPr>
          <p:cNvSpPr txBox="1"/>
          <p:nvPr/>
        </p:nvSpPr>
        <p:spPr>
          <a:xfrm>
            <a:off x="9177515" y="1023938"/>
            <a:ext cx="2645798" cy="2877711"/>
          </a:xfrm>
          <a:prstGeom prst="rect">
            <a:avLst/>
          </a:prstGeom>
          <a:noFill/>
        </p:spPr>
        <p:txBody>
          <a:bodyPr wrap="square">
            <a:spAutoFit/>
          </a:bodyPr>
          <a:lstStyle/>
          <a:p>
            <a:pPr marL="0" marR="0" lvl="2" fontAlgn="base">
              <a:spcBef>
                <a:spcPts val="600"/>
              </a:spcBef>
              <a:spcAft>
                <a:spcPts val="600"/>
              </a:spcAft>
              <a:buClr>
                <a:srgbClr val="00799E"/>
              </a:buClr>
              <a:buSzTx/>
              <a:tabLst/>
              <a:defRPr/>
            </a:pPr>
            <a:r>
              <a:rPr lang="en-US" sz="1200" b="1">
                <a:solidFill>
                  <a:srgbClr val="00799E"/>
                </a:solidFill>
                <a:latin typeface="+mj-lt"/>
                <a:ea typeface="Roboto" pitchFamily="2" charset="0"/>
                <a:cs typeface="+mj-cs"/>
              </a:rPr>
              <a:t>Origin of Language</a:t>
            </a:r>
            <a:endParaRPr lang="en-US" sz="1200">
              <a:solidFill>
                <a:srgbClr val="404040"/>
              </a:solidFill>
              <a:latin typeface="+mj-lt"/>
              <a:ea typeface="Roboto" pitchFamily="2" charset="0"/>
            </a:endParaRPr>
          </a:p>
          <a:p>
            <a:pPr marL="285750" marR="0" lvl="2" indent="-285750" fontAlgn="base">
              <a:spcAft>
                <a:spcPts val="600"/>
              </a:spcAft>
              <a:buClr>
                <a:srgbClr val="00799E"/>
              </a:buClr>
              <a:buSzTx/>
              <a:buFont typeface="Arial" panose="020B0604020202020204" pitchFamily="34" charset="0"/>
              <a:buChar char="•"/>
              <a:tabLst/>
              <a:defRPr/>
            </a:pPr>
            <a:r>
              <a:rPr lang="en-US" sz="1200">
                <a:solidFill>
                  <a:srgbClr val="404040"/>
                </a:solidFill>
                <a:latin typeface="+mj-lt"/>
                <a:ea typeface="Roboto" pitchFamily="2" charset="0"/>
              </a:rPr>
              <a:t>Engaging and immersive learning design to learn origin of language</a:t>
            </a:r>
          </a:p>
          <a:p>
            <a:pPr marL="285750" marR="0" lvl="2" indent="-285750" fontAlgn="base">
              <a:spcAft>
                <a:spcPts val="600"/>
              </a:spcAft>
              <a:buClr>
                <a:srgbClr val="00799E"/>
              </a:buClr>
              <a:buSzTx/>
              <a:buFont typeface="Arial" panose="020B0604020202020204" pitchFamily="34" charset="0"/>
              <a:buChar char="•"/>
              <a:tabLst/>
              <a:defRPr/>
            </a:pPr>
            <a:r>
              <a:rPr lang="en-US" sz="1200">
                <a:solidFill>
                  <a:srgbClr val="404040"/>
                </a:solidFill>
                <a:latin typeface="+mj-lt"/>
                <a:ea typeface="Roboto" pitchFamily="2" charset="0"/>
              </a:rPr>
              <a:t>Microlearning that utilizes the Articulate 360's panoramic feature for an interactive learning experience</a:t>
            </a:r>
          </a:p>
          <a:p>
            <a:pPr marL="285750" marR="0" lvl="2" indent="-285750" fontAlgn="base">
              <a:spcAft>
                <a:spcPts val="600"/>
              </a:spcAft>
              <a:buClr>
                <a:srgbClr val="00799E"/>
              </a:buClr>
              <a:buSzTx/>
              <a:buFont typeface="Arial" panose="020B0604020202020204" pitchFamily="34" charset="0"/>
              <a:buChar char="•"/>
              <a:tabLst/>
              <a:defRPr/>
            </a:pPr>
            <a:r>
              <a:rPr lang="en-US" sz="1200">
                <a:solidFill>
                  <a:srgbClr val="404040"/>
                </a:solidFill>
                <a:latin typeface="+mj-lt"/>
                <a:ea typeface="Roboto" pitchFamily="2" charset="0"/>
              </a:rPr>
              <a:t>An Excavation theme is used with 360° interactions to pan, explore, and learn</a:t>
            </a:r>
          </a:p>
          <a:p>
            <a:pPr marL="285750" marR="0" lvl="2" indent="-285750" fontAlgn="base">
              <a:spcAft>
                <a:spcPts val="600"/>
              </a:spcAft>
              <a:buClr>
                <a:srgbClr val="00799E"/>
              </a:buClr>
              <a:buSzTx/>
              <a:buFont typeface="Arial" panose="020B0604020202020204" pitchFamily="34" charset="0"/>
              <a:buChar char="•"/>
              <a:tabLst/>
              <a:defRPr/>
            </a:pPr>
            <a:r>
              <a:rPr lang="en-US" sz="1200">
                <a:solidFill>
                  <a:srgbClr val="404040"/>
                </a:solidFill>
                <a:latin typeface="+mj-lt"/>
                <a:ea typeface="Roboto" pitchFamily="2" charset="0"/>
              </a:rPr>
              <a:t>Self-running sequences of bite-sized information</a:t>
            </a:r>
          </a:p>
          <a:p>
            <a:pPr marL="285750" marR="0" lvl="2" indent="-285750" fontAlgn="base">
              <a:spcAft>
                <a:spcPts val="600"/>
              </a:spcAft>
              <a:buClr>
                <a:srgbClr val="00799E"/>
              </a:buClr>
              <a:buSzTx/>
              <a:buFont typeface="Arial" panose="020B0604020202020204" pitchFamily="34" charset="0"/>
              <a:buChar char="•"/>
              <a:tabLst/>
              <a:defRPr/>
            </a:pPr>
            <a:r>
              <a:rPr lang="en-US" sz="1200" b="1">
                <a:solidFill>
                  <a:srgbClr val="404040"/>
                </a:solidFill>
                <a:latin typeface="+mj-lt"/>
                <a:ea typeface="Roboto" pitchFamily="2" charset="0"/>
              </a:rPr>
              <a:t>Built using – Articulate Storyline 360</a:t>
            </a:r>
            <a:endParaRPr lang="en-US" sz="1200">
              <a:solidFill>
                <a:srgbClr val="404040"/>
              </a:solidFill>
              <a:latin typeface="+mj-lt"/>
              <a:ea typeface="Roboto" pitchFamily="2" charset="0"/>
            </a:endParaRPr>
          </a:p>
        </p:txBody>
      </p:sp>
      <p:grpSp>
        <p:nvGrpSpPr>
          <p:cNvPr id="23" name="Group 22">
            <a:extLst>
              <a:ext uri="{FF2B5EF4-FFF2-40B4-BE49-F238E27FC236}">
                <a16:creationId xmlns:a16="http://schemas.microsoft.com/office/drawing/2014/main" id="{F4032159-9BC5-FEDA-5453-5D2AC6A68E5D}"/>
              </a:ext>
            </a:extLst>
          </p:cNvPr>
          <p:cNvGrpSpPr>
            <a:grpSpLocks/>
          </p:cNvGrpSpPr>
          <p:nvPr/>
        </p:nvGrpSpPr>
        <p:grpSpPr>
          <a:xfrm>
            <a:off x="9241198" y="4690023"/>
            <a:ext cx="2562452" cy="1472929"/>
            <a:chOff x="7100551" y="3927476"/>
            <a:chExt cx="2067326" cy="1162871"/>
          </a:xfrm>
        </p:grpSpPr>
        <p:pic>
          <p:nvPicPr>
            <p:cNvPr id="24" name="Picture 23">
              <a:hlinkClick r:id="rId8"/>
              <a:extLst>
                <a:ext uri="{FF2B5EF4-FFF2-40B4-BE49-F238E27FC236}">
                  <a16:creationId xmlns:a16="http://schemas.microsoft.com/office/drawing/2014/main" id="{DB55C651-74DE-B5FB-E0B8-804E7E62F9EA}"/>
                </a:ext>
              </a:extLst>
            </p:cNvPr>
            <p:cNvPicPr>
              <a:picLocks noChangeAspect="1"/>
            </p:cNvPicPr>
            <p:nvPr/>
          </p:nvPicPr>
          <p:blipFill rotWithShape="1">
            <a:blip r:embed="rId9" cstate="screen">
              <a:extLst>
                <a:ext uri="{28A0092B-C50C-407E-A947-70E740481C1C}">
                  <a14:useLocalDpi xmlns:a14="http://schemas.microsoft.com/office/drawing/2010/main"/>
                </a:ext>
              </a:extLst>
            </a:blip>
            <a:srcRect/>
            <a:stretch/>
          </p:blipFill>
          <p:spPr>
            <a:xfrm>
              <a:off x="8053878" y="3927476"/>
              <a:ext cx="1113999" cy="635989"/>
            </a:xfrm>
            <a:prstGeom prst="roundRect">
              <a:avLst>
                <a:gd name="adj" fmla="val 2906"/>
              </a:avLst>
            </a:prstGeom>
            <a:solidFill>
              <a:schemeClr val="tx1"/>
            </a:solidFill>
            <a:ln>
              <a:solidFill>
                <a:schemeClr val="bg1">
                  <a:lumMod val="85000"/>
                </a:schemeClr>
              </a:solidFill>
            </a:ln>
            <a:effectLst>
              <a:outerShdw blurRad="50800" dist="38100" dir="2700000" algn="tl" rotWithShape="0">
                <a:prstClr val="black">
                  <a:alpha val="10000"/>
                </a:prstClr>
              </a:outerShdw>
            </a:effectLst>
          </p:spPr>
        </p:pic>
        <p:pic>
          <p:nvPicPr>
            <p:cNvPr id="25" name="Picture 24">
              <a:hlinkClick r:id="rId8"/>
              <a:extLst>
                <a:ext uri="{FF2B5EF4-FFF2-40B4-BE49-F238E27FC236}">
                  <a16:creationId xmlns:a16="http://schemas.microsoft.com/office/drawing/2014/main" id="{2EF114E8-6F39-1FB8-8915-73D71023AADE}"/>
                </a:ext>
              </a:extLst>
            </p:cNvPr>
            <p:cNvPicPr>
              <a:picLocks noChangeAspect="1"/>
            </p:cNvPicPr>
            <p:nvPr/>
          </p:nvPicPr>
          <p:blipFill rotWithShape="1">
            <a:blip r:embed="rId10" cstate="screen">
              <a:extLst>
                <a:ext uri="{28A0092B-C50C-407E-A947-70E740481C1C}">
                  <a14:useLocalDpi xmlns:a14="http://schemas.microsoft.com/office/drawing/2010/main"/>
                </a:ext>
              </a:extLst>
            </a:blip>
            <a:srcRect/>
            <a:stretch/>
          </p:blipFill>
          <p:spPr>
            <a:xfrm>
              <a:off x="7809668" y="4586723"/>
              <a:ext cx="1358209" cy="503624"/>
            </a:xfrm>
            <a:prstGeom prst="roundRect">
              <a:avLst>
                <a:gd name="adj" fmla="val 2906"/>
              </a:avLst>
            </a:prstGeom>
            <a:solidFill>
              <a:schemeClr val="tx1"/>
            </a:solidFill>
            <a:ln>
              <a:solidFill>
                <a:schemeClr val="bg1">
                  <a:lumMod val="85000"/>
                </a:schemeClr>
              </a:solidFill>
            </a:ln>
            <a:effectLst>
              <a:outerShdw blurRad="50800" dist="38100" dir="2700000" algn="tl" rotWithShape="0">
                <a:prstClr val="black">
                  <a:alpha val="10000"/>
                </a:prstClr>
              </a:outerShdw>
            </a:effectLst>
          </p:spPr>
        </p:pic>
        <p:pic>
          <p:nvPicPr>
            <p:cNvPr id="26" name="Picture 25">
              <a:hlinkClick r:id="rId8"/>
              <a:extLst>
                <a:ext uri="{FF2B5EF4-FFF2-40B4-BE49-F238E27FC236}">
                  <a16:creationId xmlns:a16="http://schemas.microsoft.com/office/drawing/2014/main" id="{AA4862AF-382A-37A4-50E9-632EC0C88D74}"/>
                </a:ext>
              </a:extLst>
            </p:cNvPr>
            <p:cNvPicPr>
              <a:picLocks noChangeAspect="1"/>
            </p:cNvPicPr>
            <p:nvPr/>
          </p:nvPicPr>
          <p:blipFill rotWithShape="1">
            <a:blip r:embed="rId11" cstate="screen">
              <a:extLst>
                <a:ext uri="{28A0092B-C50C-407E-A947-70E740481C1C}">
                  <a14:useLocalDpi xmlns:a14="http://schemas.microsoft.com/office/drawing/2010/main"/>
                </a:ext>
              </a:extLst>
            </a:blip>
            <a:srcRect/>
            <a:stretch/>
          </p:blipFill>
          <p:spPr>
            <a:xfrm>
              <a:off x="7100551" y="3927476"/>
              <a:ext cx="1272257" cy="1162871"/>
            </a:xfrm>
            <a:prstGeom prst="roundRect">
              <a:avLst>
                <a:gd name="adj" fmla="val 2906"/>
              </a:avLst>
            </a:prstGeom>
            <a:solidFill>
              <a:schemeClr val="tx1"/>
            </a:solidFill>
            <a:ln>
              <a:solidFill>
                <a:schemeClr val="bg1">
                  <a:lumMod val="85000"/>
                </a:schemeClr>
              </a:solidFill>
            </a:ln>
            <a:effectLst>
              <a:outerShdw blurRad="50800" dist="38100" dir="2700000" algn="tl" rotWithShape="0">
                <a:prstClr val="black">
                  <a:alpha val="10000"/>
                </a:prstClr>
              </a:outerShdw>
            </a:effectLst>
          </p:spPr>
        </p:pic>
      </p:grpSp>
      <p:sp>
        <p:nvSpPr>
          <p:cNvPr id="19" name="Slide Number Placeholder 5">
            <a:extLst>
              <a:ext uri="{FF2B5EF4-FFF2-40B4-BE49-F238E27FC236}">
                <a16:creationId xmlns:a16="http://schemas.microsoft.com/office/drawing/2014/main" id="{D8FF8DCA-E927-0E04-968A-24E6BD511259}"/>
              </a:ext>
            </a:extLst>
          </p:cNvPr>
          <p:cNvSpPr txBox="1">
            <a:spLocks/>
          </p:cNvSpPr>
          <p:nvPr/>
        </p:nvSpPr>
        <p:spPr>
          <a:xfrm>
            <a:off x="9349506" y="6439476"/>
            <a:ext cx="2743200" cy="365125"/>
          </a:xfrm>
          <a:prstGeom prst="rect">
            <a:avLst/>
          </a:prstGeom>
        </p:spPr>
        <p:txBody>
          <a:bodyPr vert="horz" lIns="91440" tIns="45720" rIns="91440" bIns="45720" rtlCol="0" anchor="ctr"/>
          <a:lstStyle>
            <a:defPPr>
              <a:defRPr lang="en-US"/>
            </a:defPPr>
            <a:lvl1pPr marL="0" algn="r" defTabSz="914400" rtl="0" eaLnBrk="1" latinLnBrk="0" hangingPunct="1">
              <a:defRPr sz="1200" kern="1200">
                <a:solidFill>
                  <a:schemeClr val="tx1">
                    <a:tint val="75000"/>
                  </a:schemeClr>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77068464-4C8E-431E-87E4-567733A7CD2F}" type="slidenum">
              <a:rPr lang="en-IN" sz="1000" smtClean="0">
                <a:solidFill>
                  <a:schemeClr val="bg1"/>
                </a:solidFill>
              </a:rPr>
              <a:pPr/>
              <a:t>36</a:t>
            </a:fld>
            <a:endParaRPr lang="en-IN" sz="1000">
              <a:solidFill>
                <a:schemeClr val="bg1"/>
              </a:solidFill>
            </a:endParaRPr>
          </a:p>
        </p:txBody>
      </p:sp>
      <p:sp>
        <p:nvSpPr>
          <p:cNvPr id="27" name="TextBox 26">
            <a:extLst>
              <a:ext uri="{FF2B5EF4-FFF2-40B4-BE49-F238E27FC236}">
                <a16:creationId xmlns:a16="http://schemas.microsoft.com/office/drawing/2014/main" id="{D72CF0EF-3C13-C39F-783D-3B2FF3945FA6}"/>
              </a:ext>
            </a:extLst>
          </p:cNvPr>
          <p:cNvSpPr txBox="1"/>
          <p:nvPr/>
        </p:nvSpPr>
        <p:spPr>
          <a:xfrm>
            <a:off x="9177515" y="4415968"/>
            <a:ext cx="1926995" cy="253916"/>
          </a:xfrm>
          <a:prstGeom prst="rect">
            <a:avLst/>
          </a:prstGeom>
          <a:noFill/>
        </p:spPr>
        <p:txBody>
          <a:bodyPr wrap="square">
            <a:spAutoFit/>
          </a:bodyPr>
          <a:lstStyle/>
          <a:p>
            <a:r>
              <a:rPr lang="en-IN" sz="1050">
                <a:solidFill>
                  <a:srgbClr val="404040"/>
                </a:solidFill>
                <a:latin typeface="+mj-lt"/>
                <a:ea typeface="Roboto" pitchFamily="2" charset="0"/>
              </a:rPr>
              <a:t>Cost Range: $15,475 to $17,800 </a:t>
            </a:r>
          </a:p>
        </p:txBody>
      </p:sp>
    </p:spTree>
    <p:extLst>
      <p:ext uri="{BB962C8B-B14F-4D97-AF65-F5344CB8AC3E}">
        <p14:creationId xmlns:p14="http://schemas.microsoft.com/office/powerpoint/2010/main" val="800860116"/>
      </p:ext>
    </p:extLst>
  </p:cSld>
  <p:clrMapOvr>
    <a:masterClrMapping/>
  </p:clrMapOvr>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1256197-8848-0083-578B-CF2C6ED88480}"/>
              </a:ext>
            </a:extLst>
          </p:cNvPr>
          <p:cNvSpPr>
            <a:spLocks noGrp="1"/>
          </p:cNvSpPr>
          <p:nvPr>
            <p:ph type="title"/>
          </p:nvPr>
        </p:nvSpPr>
        <p:spPr/>
        <p:txBody>
          <a:bodyPr/>
          <a:lstStyle/>
          <a:p>
            <a:r>
              <a:rPr lang="en-US"/>
              <a:t>3D WORK SAMPLES</a:t>
            </a:r>
            <a:endParaRPr lang="en-IN"/>
          </a:p>
        </p:txBody>
      </p:sp>
      <p:pic>
        <p:nvPicPr>
          <p:cNvPr id="7" name="Picture 9">
            <a:hlinkClick r:id="rId2"/>
            <a:extLst>
              <a:ext uri="{FF2B5EF4-FFF2-40B4-BE49-F238E27FC236}">
                <a16:creationId xmlns:a16="http://schemas.microsoft.com/office/drawing/2014/main" id="{BE4C5130-7D74-5C42-A592-D7BD14F5D8AB}"/>
              </a:ext>
            </a:extLst>
          </p:cNvPr>
          <p:cNvPicPr>
            <a:picLocks noChangeAspect="1" noChangeArrowheads="1"/>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5250946" y="1243856"/>
            <a:ext cx="1695052" cy="1051559"/>
          </a:xfrm>
          <a:prstGeom prst="rect">
            <a:avLst/>
          </a:prstGeom>
          <a:ln>
            <a:solidFill>
              <a:schemeClr val="accent1"/>
            </a:solidFill>
          </a:ln>
          <a:extLst>
            <a:ext uri="{909E8E84-426E-40DD-AFC4-6F175D3DCCD1}">
              <a14:hiddenFill xmlns:a14="http://schemas.microsoft.com/office/drawing/2010/main">
                <a:solidFill>
                  <a:schemeClr val="accent1"/>
                </a:solidFill>
              </a14:hiddenFill>
            </a:ext>
            <a:ext uri="{AF507438-7753-43E0-B8FC-AC1667EBCBE1}">
              <a14:hiddenEffects xmlns:a14="http://schemas.microsoft.com/office/drawing/2010/main">
                <a:effectLst>
                  <a:outerShdw dist="35921" dir="2700000" algn="ctr" rotWithShape="0">
                    <a:schemeClr val="bg2"/>
                  </a:outerShdw>
                </a:effectLst>
              </a14:hiddenEffects>
            </a:ext>
          </a:extLst>
        </p:spPr>
      </p:pic>
      <p:pic>
        <p:nvPicPr>
          <p:cNvPr id="9" name="Picture 7">
            <a:hlinkClick r:id="rId4"/>
            <a:extLst>
              <a:ext uri="{FF2B5EF4-FFF2-40B4-BE49-F238E27FC236}">
                <a16:creationId xmlns:a16="http://schemas.microsoft.com/office/drawing/2014/main" id="{1D8F473B-AC36-C2D4-67B0-1EC52B30F5AB}"/>
              </a:ext>
            </a:extLst>
          </p:cNvPr>
          <p:cNvPicPr>
            <a:picLocks noChangeAspect="1" noChangeArrowheads="1"/>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873293" y="2989461"/>
            <a:ext cx="1696063" cy="1056257"/>
          </a:xfrm>
          <a:prstGeom prst="rect">
            <a:avLst/>
          </a:prstGeom>
          <a:ln>
            <a:solidFill>
              <a:schemeClr val="accent1"/>
            </a:solidFill>
          </a:ln>
          <a:extLst>
            <a:ext uri="{909E8E84-426E-40DD-AFC4-6F175D3DCCD1}">
              <a14:hiddenFill xmlns:a14="http://schemas.microsoft.com/office/drawing/2010/main">
                <a:solidFill>
                  <a:schemeClr val="accent1"/>
                </a:solidFill>
              </a14:hiddenFill>
            </a:ext>
            <a:ext uri="{AF507438-7753-43E0-B8FC-AC1667EBCBE1}">
              <a14:hiddenEffects xmlns:a14="http://schemas.microsoft.com/office/drawing/2010/main">
                <a:effectLst>
                  <a:outerShdw dist="35921" dir="2700000" algn="ctr" rotWithShape="0">
                    <a:schemeClr val="bg2"/>
                  </a:outerShdw>
                </a:effectLst>
              </a14:hiddenEffects>
            </a:ext>
          </a:extLst>
        </p:spPr>
      </p:pic>
      <p:pic>
        <p:nvPicPr>
          <p:cNvPr id="11" name="Picture 5">
            <a:hlinkClick r:id="rId6"/>
            <a:extLst>
              <a:ext uri="{FF2B5EF4-FFF2-40B4-BE49-F238E27FC236}">
                <a16:creationId xmlns:a16="http://schemas.microsoft.com/office/drawing/2014/main" id="{EF6BB669-44C0-C51C-40FC-47D76B6D7BEF}"/>
              </a:ext>
            </a:extLst>
          </p:cNvPr>
          <p:cNvPicPr>
            <a:picLocks noChangeAspect="1" noChangeArrowheads="1"/>
          </p:cNvPicPr>
          <p:nvPr/>
        </p:nvPicPr>
        <p:blipFill>
          <a:blip r:embed="rId7" cstate="print">
            <a:extLst>
              <a:ext uri="{28A0092B-C50C-407E-A947-70E740481C1C}">
                <a14:useLocalDpi xmlns:a14="http://schemas.microsoft.com/office/drawing/2010/main" val="0"/>
              </a:ext>
            </a:extLst>
          </a:blip>
          <a:srcRect/>
          <a:stretch>
            <a:fillRect/>
          </a:stretch>
        </p:blipFill>
        <p:spPr bwMode="auto">
          <a:xfrm>
            <a:off x="7462557" y="1245634"/>
            <a:ext cx="1697917" cy="1051560"/>
          </a:xfrm>
          <a:prstGeom prst="rect">
            <a:avLst/>
          </a:prstGeom>
          <a:ln>
            <a:solidFill>
              <a:schemeClr val="accent1"/>
            </a:solidFill>
          </a:ln>
          <a:extLst>
            <a:ext uri="{909E8E84-426E-40DD-AFC4-6F175D3DCCD1}">
              <a14:hiddenFill xmlns:a14="http://schemas.microsoft.com/office/drawing/2010/main">
                <a:solidFill>
                  <a:schemeClr val="accent1"/>
                </a:solidFill>
              </a14:hiddenFill>
            </a:ext>
            <a:ext uri="{AF507438-7753-43E0-B8FC-AC1667EBCBE1}">
              <a14:hiddenEffects xmlns:a14="http://schemas.microsoft.com/office/drawing/2010/main">
                <a:effectLst>
                  <a:outerShdw dist="35921" dir="2700000" algn="ctr" rotWithShape="0">
                    <a:schemeClr val="bg2"/>
                  </a:outerShdw>
                </a:effectLst>
              </a14:hiddenEffects>
            </a:ext>
          </a:extLst>
        </p:spPr>
      </p:pic>
      <p:sp>
        <p:nvSpPr>
          <p:cNvPr id="12" name="Rectangle 11">
            <a:extLst>
              <a:ext uri="{FF2B5EF4-FFF2-40B4-BE49-F238E27FC236}">
                <a16:creationId xmlns:a16="http://schemas.microsoft.com/office/drawing/2014/main" id="{77C30A65-D0D7-1CFD-FABB-C483E5C37115}"/>
              </a:ext>
            </a:extLst>
          </p:cNvPr>
          <p:cNvSpPr/>
          <p:nvPr/>
        </p:nvSpPr>
        <p:spPr>
          <a:xfrm>
            <a:off x="5164098" y="2313893"/>
            <a:ext cx="1892834" cy="276999"/>
          </a:xfrm>
          <a:prstGeom prst="rect">
            <a:avLst/>
          </a:prstGeom>
        </p:spPr>
        <p:txBody>
          <a:bodyPr wrap="square">
            <a:spAutoFit/>
          </a:bodyPr>
          <a:lstStyle/>
          <a:p>
            <a:pPr lvl="0" algn="ctr">
              <a:defRPr/>
            </a:pPr>
            <a:r>
              <a:rPr lang="en-US" sz="1200" u="sng">
                <a:solidFill>
                  <a:srgbClr val="0070C0"/>
                </a:solidFill>
                <a:ea typeface="Roboto" pitchFamily="2" charset="0"/>
                <a:cs typeface="Tahoma" pitchFamily="34" charset="0"/>
                <a:hlinkClick r:id="rId2"/>
              </a:rPr>
              <a:t>Circular Connector</a:t>
            </a:r>
            <a:endParaRPr lang="en-US" sz="1200">
              <a:solidFill>
                <a:srgbClr val="0070C0"/>
              </a:solidFill>
              <a:ea typeface="Roboto" pitchFamily="2" charset="0"/>
              <a:cs typeface="Tahoma" pitchFamily="34" charset="0"/>
            </a:endParaRPr>
          </a:p>
        </p:txBody>
      </p:sp>
      <p:sp>
        <p:nvSpPr>
          <p:cNvPr id="13" name="Rectangle 12">
            <a:extLst>
              <a:ext uri="{FF2B5EF4-FFF2-40B4-BE49-F238E27FC236}">
                <a16:creationId xmlns:a16="http://schemas.microsoft.com/office/drawing/2014/main" id="{CF2E76FE-2664-B41C-0179-5146C5DDF903}"/>
              </a:ext>
            </a:extLst>
          </p:cNvPr>
          <p:cNvSpPr/>
          <p:nvPr/>
        </p:nvSpPr>
        <p:spPr>
          <a:xfrm>
            <a:off x="7459690" y="2306259"/>
            <a:ext cx="1700784" cy="276998"/>
          </a:xfrm>
          <a:prstGeom prst="rect">
            <a:avLst/>
          </a:prstGeom>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0" i="0" u="none" strike="noStrike" kern="1200" cap="none" spc="0" normalizeH="0" baseline="0" noProof="0">
                <a:ln>
                  <a:noFill/>
                </a:ln>
                <a:solidFill>
                  <a:prstClr val="white">
                    <a:lumMod val="50000"/>
                  </a:prstClr>
                </a:solidFill>
                <a:effectLst/>
                <a:uLnTx/>
                <a:uFillTx/>
                <a:ea typeface="+mn-ea"/>
                <a:cs typeface="+mn-cs"/>
                <a:hlinkClick r:id="rId6"/>
              </a:rPr>
              <a:t>Transformer Animation</a:t>
            </a:r>
            <a:endParaRPr kumimoji="0" lang="en-US" sz="1200" b="0" i="0" u="none" strike="noStrike" kern="1200" cap="none" spc="0" normalizeH="0" baseline="0" noProof="0">
              <a:ln>
                <a:noFill/>
              </a:ln>
              <a:solidFill>
                <a:prstClr val="white">
                  <a:lumMod val="50000"/>
                </a:prstClr>
              </a:solidFill>
              <a:effectLst/>
              <a:uLnTx/>
              <a:uFillTx/>
              <a:ea typeface="+mn-ea"/>
              <a:cs typeface="+mn-cs"/>
            </a:endParaRPr>
          </a:p>
        </p:txBody>
      </p:sp>
      <p:sp>
        <p:nvSpPr>
          <p:cNvPr id="17" name="Rectangle 16">
            <a:extLst>
              <a:ext uri="{FF2B5EF4-FFF2-40B4-BE49-F238E27FC236}">
                <a16:creationId xmlns:a16="http://schemas.microsoft.com/office/drawing/2014/main" id="{671D80B6-1186-1390-23F3-3E15F7C93CBF}"/>
              </a:ext>
            </a:extLst>
          </p:cNvPr>
          <p:cNvSpPr/>
          <p:nvPr/>
        </p:nvSpPr>
        <p:spPr>
          <a:xfrm>
            <a:off x="1152130" y="4064195"/>
            <a:ext cx="1138389" cy="276999"/>
          </a:xfrm>
          <a:prstGeom prst="rect">
            <a:avLst/>
          </a:prstGeom>
        </p:spPr>
        <p:txBody>
          <a:bodyPr wrap="non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0" i="0" u="sng" strike="noStrike" kern="1200" cap="none" spc="0" normalizeH="0" baseline="0" noProof="0">
                <a:ln>
                  <a:noFill/>
                </a:ln>
                <a:solidFill>
                  <a:prstClr val="black"/>
                </a:solidFill>
                <a:effectLst/>
                <a:uLnTx/>
                <a:uFillTx/>
                <a:ea typeface="+mn-ea"/>
                <a:cs typeface="+mn-cs"/>
                <a:hlinkClick r:id="rId4"/>
              </a:rPr>
              <a:t>York Animation</a:t>
            </a:r>
            <a:endParaRPr kumimoji="0" lang="en-US" sz="1200" b="0" i="0" u="none" strike="noStrike" kern="1200" cap="none" spc="0" normalizeH="0" baseline="0" noProof="0">
              <a:ln>
                <a:noFill/>
              </a:ln>
              <a:solidFill>
                <a:prstClr val="black"/>
              </a:solidFill>
              <a:effectLst/>
              <a:uLnTx/>
              <a:uFillTx/>
              <a:ea typeface="+mn-ea"/>
              <a:cs typeface="+mn-cs"/>
            </a:endParaRPr>
          </a:p>
        </p:txBody>
      </p:sp>
      <p:sp>
        <p:nvSpPr>
          <p:cNvPr id="20" name="Rectangle 19">
            <a:extLst>
              <a:ext uri="{FF2B5EF4-FFF2-40B4-BE49-F238E27FC236}">
                <a16:creationId xmlns:a16="http://schemas.microsoft.com/office/drawing/2014/main" id="{D40A1A35-EBD9-9009-2E9D-4BBE36D8AAAF}"/>
              </a:ext>
            </a:extLst>
          </p:cNvPr>
          <p:cNvSpPr/>
          <p:nvPr/>
        </p:nvSpPr>
        <p:spPr>
          <a:xfrm>
            <a:off x="3433161" y="4041022"/>
            <a:ext cx="968470" cy="276999"/>
          </a:xfrm>
          <a:prstGeom prst="rect">
            <a:avLst/>
          </a:prstGeom>
        </p:spPr>
        <p:txBody>
          <a:bodyPr wrap="non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0" i="0" u="none" strike="noStrike" kern="1200" cap="none" spc="0" normalizeH="0" baseline="0" noProof="0">
                <a:ln>
                  <a:noFill/>
                </a:ln>
                <a:solidFill>
                  <a:prstClr val="black"/>
                </a:solidFill>
                <a:effectLst/>
                <a:uLnTx/>
                <a:uFillTx/>
                <a:ea typeface="+mn-ea"/>
                <a:cs typeface="+mn-cs"/>
                <a:hlinkClick r:id="rId8"/>
              </a:rPr>
              <a:t>Blade Server</a:t>
            </a:r>
            <a:endParaRPr kumimoji="0" lang="en-US" sz="1200" b="0" i="0" u="none" strike="noStrike" kern="1200" cap="none" spc="0" normalizeH="0" baseline="0" noProof="0">
              <a:ln>
                <a:noFill/>
              </a:ln>
              <a:solidFill>
                <a:prstClr val="black"/>
              </a:solidFill>
              <a:effectLst/>
              <a:uLnTx/>
              <a:uFillTx/>
              <a:ea typeface="+mn-ea"/>
              <a:cs typeface="+mn-cs"/>
            </a:endParaRPr>
          </a:p>
        </p:txBody>
      </p:sp>
      <p:pic>
        <p:nvPicPr>
          <p:cNvPr id="22" name="Picture 3">
            <a:hlinkClick r:id="rId9"/>
            <a:extLst>
              <a:ext uri="{FF2B5EF4-FFF2-40B4-BE49-F238E27FC236}">
                <a16:creationId xmlns:a16="http://schemas.microsoft.com/office/drawing/2014/main" id="{D6D3D80E-E1DA-2411-9AF2-0587C7057BAA}"/>
              </a:ext>
            </a:extLst>
          </p:cNvPr>
          <p:cNvPicPr>
            <a:picLocks noChangeAspect="1" noChangeArrowheads="1"/>
          </p:cNvPicPr>
          <p:nvPr/>
        </p:nvPicPr>
        <p:blipFill>
          <a:blip r:embed="rId10" cstate="print">
            <a:extLst>
              <a:ext uri="{28A0092B-C50C-407E-A947-70E740481C1C}">
                <a14:useLocalDpi xmlns:a14="http://schemas.microsoft.com/office/drawing/2010/main" val="0"/>
              </a:ext>
            </a:extLst>
          </a:blip>
          <a:srcRect/>
          <a:stretch>
            <a:fillRect/>
          </a:stretch>
        </p:blipFill>
        <p:spPr bwMode="auto">
          <a:xfrm>
            <a:off x="3061274" y="1269255"/>
            <a:ext cx="1700784" cy="1051559"/>
          </a:xfrm>
          <a:prstGeom prst="rect">
            <a:avLst/>
          </a:prstGeom>
          <a:ln>
            <a:solidFill>
              <a:schemeClr val="accent1"/>
            </a:solidFill>
          </a:ln>
          <a:extLst>
            <a:ext uri="{909E8E84-426E-40DD-AFC4-6F175D3DCCD1}">
              <a14:hiddenFill xmlns:a14="http://schemas.microsoft.com/office/drawing/2010/main">
                <a:solidFill>
                  <a:schemeClr val="accent1"/>
                </a:solidFill>
              </a14:hiddenFill>
            </a:ext>
            <a:ext uri="{AF507438-7753-43E0-B8FC-AC1667EBCBE1}">
              <a14:hiddenEffects xmlns:a14="http://schemas.microsoft.com/office/drawing/2010/main">
                <a:effectLst>
                  <a:outerShdw dist="35921" dir="2700000" algn="ctr" rotWithShape="0">
                    <a:schemeClr val="bg2"/>
                  </a:outerShdw>
                </a:effectLst>
              </a14:hiddenEffects>
            </a:ext>
          </a:extLst>
        </p:spPr>
      </p:pic>
      <p:sp>
        <p:nvSpPr>
          <p:cNvPr id="23" name="Rectangle 22">
            <a:extLst>
              <a:ext uri="{FF2B5EF4-FFF2-40B4-BE49-F238E27FC236}">
                <a16:creationId xmlns:a16="http://schemas.microsoft.com/office/drawing/2014/main" id="{8F689F93-6E83-5684-313B-E0BB316BFE59}"/>
              </a:ext>
            </a:extLst>
          </p:cNvPr>
          <p:cNvSpPr/>
          <p:nvPr/>
        </p:nvSpPr>
        <p:spPr>
          <a:xfrm>
            <a:off x="3375301" y="2329880"/>
            <a:ext cx="1072730" cy="276999"/>
          </a:xfrm>
          <a:prstGeom prst="rect">
            <a:avLst/>
          </a:prstGeom>
        </p:spPr>
        <p:txBody>
          <a:bodyPr wrap="non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0" i="0" u="none" strike="noStrike" kern="1200" cap="none" spc="0" normalizeH="0" baseline="0" noProof="0">
                <a:ln>
                  <a:noFill/>
                </a:ln>
                <a:solidFill>
                  <a:prstClr val="black"/>
                </a:solidFill>
                <a:effectLst/>
                <a:uLnTx/>
                <a:uFillTx/>
                <a:ea typeface="+mn-ea"/>
                <a:cs typeface="+mn-cs"/>
                <a:hlinkClick r:id="rId9"/>
              </a:rPr>
              <a:t>Stirling Engine</a:t>
            </a:r>
            <a:endParaRPr kumimoji="0" lang="en-US" sz="1200" b="0" i="0" u="none" strike="noStrike" kern="1200" cap="none" spc="0" normalizeH="0" baseline="0" noProof="0">
              <a:ln>
                <a:noFill/>
              </a:ln>
              <a:solidFill>
                <a:prstClr val="black"/>
              </a:solidFill>
              <a:effectLst/>
              <a:uLnTx/>
              <a:uFillTx/>
              <a:ea typeface="+mn-ea"/>
              <a:cs typeface="+mn-cs"/>
            </a:endParaRPr>
          </a:p>
        </p:txBody>
      </p:sp>
      <p:sp>
        <p:nvSpPr>
          <p:cNvPr id="24" name="Rectangle 23">
            <a:hlinkClick r:id="rId11"/>
            <a:extLst>
              <a:ext uri="{FF2B5EF4-FFF2-40B4-BE49-F238E27FC236}">
                <a16:creationId xmlns:a16="http://schemas.microsoft.com/office/drawing/2014/main" id="{4A82BAF7-CC90-B33E-0F76-6A8792342FBB}"/>
              </a:ext>
            </a:extLst>
          </p:cNvPr>
          <p:cNvSpPr/>
          <p:nvPr/>
        </p:nvSpPr>
        <p:spPr>
          <a:xfrm>
            <a:off x="9884285" y="2320814"/>
            <a:ext cx="1292020" cy="276999"/>
          </a:xfrm>
          <a:prstGeom prst="rect">
            <a:avLst/>
          </a:prstGeom>
        </p:spPr>
        <p:txBody>
          <a:bodyPr wrap="non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0" i="0" u="sng" strike="noStrike" kern="1200" cap="none" spc="0" normalizeH="0" baseline="0" noProof="0">
                <a:ln>
                  <a:noFill/>
                </a:ln>
                <a:solidFill>
                  <a:srgbClr val="0070C0"/>
                </a:solidFill>
                <a:effectLst/>
                <a:uLnTx/>
                <a:uFillTx/>
                <a:ea typeface="Roboto" pitchFamily="2" charset="0"/>
                <a:cs typeface="Tahoma" pitchFamily="34" charset="0"/>
                <a:hlinkClick r:id="rId12"/>
              </a:rPr>
              <a:t>Etihad – Free Play</a:t>
            </a:r>
            <a:endParaRPr kumimoji="0" lang="en-US" sz="1200" b="0" i="0" u="none" strike="noStrike" kern="1200" cap="none" spc="0" normalizeH="0" baseline="0" noProof="0">
              <a:ln>
                <a:noFill/>
              </a:ln>
              <a:solidFill>
                <a:srgbClr val="0070C0"/>
              </a:solidFill>
              <a:effectLst/>
              <a:uLnTx/>
              <a:uFillTx/>
              <a:ea typeface="Roboto" pitchFamily="2" charset="0"/>
              <a:cs typeface="Tahoma" pitchFamily="34" charset="0"/>
            </a:endParaRPr>
          </a:p>
        </p:txBody>
      </p:sp>
      <p:pic>
        <p:nvPicPr>
          <p:cNvPr id="25" name="Picture 11">
            <a:hlinkClick r:id="rId12"/>
            <a:extLst>
              <a:ext uri="{FF2B5EF4-FFF2-40B4-BE49-F238E27FC236}">
                <a16:creationId xmlns:a16="http://schemas.microsoft.com/office/drawing/2014/main" id="{4BB7D724-527F-CB24-9B18-C69ED8BA6C79}"/>
              </a:ext>
            </a:extLst>
          </p:cNvPr>
          <p:cNvPicPr>
            <a:picLocks noChangeAspect="1" noChangeArrowheads="1"/>
          </p:cNvPicPr>
          <p:nvPr/>
        </p:nvPicPr>
        <p:blipFill>
          <a:blip r:embed="rId13" cstate="print">
            <a:extLst>
              <a:ext uri="{28A0092B-C50C-407E-A947-70E740481C1C}">
                <a14:useLocalDpi xmlns:a14="http://schemas.microsoft.com/office/drawing/2010/main" val="0"/>
              </a:ext>
            </a:extLst>
          </a:blip>
          <a:srcRect/>
          <a:stretch>
            <a:fillRect/>
          </a:stretch>
        </p:blipFill>
        <p:spPr bwMode="auto">
          <a:xfrm>
            <a:off x="9674661" y="1245635"/>
            <a:ext cx="1689321" cy="1075180"/>
          </a:xfrm>
          <a:prstGeom prst="rect">
            <a:avLst/>
          </a:prstGeom>
          <a:ln>
            <a:solidFill>
              <a:schemeClr val="accent1"/>
            </a:solidFill>
          </a:ln>
          <a:extLst>
            <a:ext uri="{909E8E84-426E-40DD-AFC4-6F175D3DCCD1}">
              <a14:hiddenFill xmlns:a14="http://schemas.microsoft.com/office/drawing/2010/main">
                <a:solidFill>
                  <a:schemeClr val="accent1"/>
                </a:solidFill>
              </a14:hiddenFill>
            </a:ext>
            <a:ext uri="{AF507438-7753-43E0-B8FC-AC1667EBCBE1}">
              <a14:hiddenEffects xmlns:a14="http://schemas.microsoft.com/office/drawing/2010/main">
                <a:effectLst>
                  <a:outerShdw dist="35921" dir="2700000" algn="ctr" rotWithShape="0">
                    <a:schemeClr val="bg2"/>
                  </a:outerShdw>
                </a:effectLst>
              </a14:hiddenEffects>
            </a:ext>
          </a:extLst>
        </p:spPr>
      </p:pic>
      <p:pic>
        <p:nvPicPr>
          <p:cNvPr id="26" name="Picture 2">
            <a:hlinkClick r:id="rId14"/>
            <a:extLst>
              <a:ext uri="{FF2B5EF4-FFF2-40B4-BE49-F238E27FC236}">
                <a16:creationId xmlns:a16="http://schemas.microsoft.com/office/drawing/2014/main" id="{2B9157C7-B04E-9985-8DDD-CE4D9C5970DC}"/>
              </a:ext>
            </a:extLst>
          </p:cNvPr>
          <p:cNvPicPr>
            <a:picLocks noChangeAspect="1" noChangeArrowheads="1"/>
          </p:cNvPicPr>
          <p:nvPr/>
        </p:nvPicPr>
        <p:blipFill>
          <a:blip r:embed="rId15" cstate="print">
            <a:extLst>
              <a:ext uri="{28A0092B-C50C-407E-A947-70E740481C1C}">
                <a14:useLocalDpi xmlns:a14="http://schemas.microsoft.com/office/drawing/2010/main" val="0"/>
              </a:ext>
            </a:extLst>
          </a:blip>
          <a:srcRect/>
          <a:stretch>
            <a:fillRect/>
          </a:stretch>
        </p:blipFill>
        <p:spPr bwMode="auto">
          <a:xfrm>
            <a:off x="7464410" y="2999220"/>
            <a:ext cx="1696064" cy="1060625"/>
          </a:xfrm>
          <a:prstGeom prst="rect">
            <a:avLst/>
          </a:prstGeom>
          <a:ln>
            <a:solidFill>
              <a:schemeClr val="accent1"/>
            </a:solidFill>
          </a:ln>
          <a:extLst>
            <a:ext uri="{909E8E84-426E-40DD-AFC4-6F175D3DCCD1}">
              <a14:hiddenFill xmlns:a14="http://schemas.microsoft.com/office/drawing/2010/main">
                <a:solidFill>
                  <a:schemeClr val="accent1"/>
                </a:solidFill>
              </a14:hiddenFill>
            </a:ext>
            <a:ext uri="{AF507438-7753-43E0-B8FC-AC1667EBCBE1}">
              <a14:hiddenEffects xmlns:a14="http://schemas.microsoft.com/office/drawing/2010/main">
                <a:effectLst>
                  <a:outerShdw dist="35921" dir="2700000" algn="ctr" rotWithShape="0">
                    <a:schemeClr val="bg2"/>
                  </a:outerShdw>
                </a:effectLst>
              </a14:hiddenEffects>
            </a:ext>
          </a:extLst>
        </p:spPr>
      </p:pic>
      <p:sp>
        <p:nvSpPr>
          <p:cNvPr id="27" name="Rectangle 26">
            <a:extLst>
              <a:ext uri="{FF2B5EF4-FFF2-40B4-BE49-F238E27FC236}">
                <a16:creationId xmlns:a16="http://schemas.microsoft.com/office/drawing/2014/main" id="{A08AD5C4-83B6-ABDB-E524-4B628D7BFF34}"/>
              </a:ext>
            </a:extLst>
          </p:cNvPr>
          <p:cNvSpPr/>
          <p:nvPr/>
        </p:nvSpPr>
        <p:spPr>
          <a:xfrm>
            <a:off x="7646200" y="4059845"/>
            <a:ext cx="1309526" cy="276999"/>
          </a:xfrm>
          <a:prstGeom prst="rect">
            <a:avLst/>
          </a:prstGeom>
        </p:spPr>
        <p:txBody>
          <a:bodyPr wrap="none">
            <a:spAutoFit/>
          </a:bodyPr>
          <a:lstStyle/>
          <a:p>
            <a:pPr lvl="0" algn="ctr">
              <a:defRPr/>
            </a:pPr>
            <a:r>
              <a:rPr lang="en-US" sz="1200" u="sng">
                <a:solidFill>
                  <a:prstClr val="black"/>
                </a:solidFill>
                <a:hlinkClick r:id="rId14"/>
              </a:rPr>
              <a:t>Eyeball Animation</a:t>
            </a:r>
            <a:endParaRPr lang="en-US" sz="1200">
              <a:solidFill>
                <a:prstClr val="black"/>
              </a:solidFill>
            </a:endParaRPr>
          </a:p>
        </p:txBody>
      </p:sp>
      <p:sp>
        <p:nvSpPr>
          <p:cNvPr id="28" name="Rectangle 27">
            <a:hlinkClick r:id="rId11"/>
            <a:extLst>
              <a:ext uri="{FF2B5EF4-FFF2-40B4-BE49-F238E27FC236}">
                <a16:creationId xmlns:a16="http://schemas.microsoft.com/office/drawing/2014/main" id="{223673FA-22D7-494E-3E2A-957A821297FD}"/>
              </a:ext>
            </a:extLst>
          </p:cNvPr>
          <p:cNvSpPr/>
          <p:nvPr/>
        </p:nvSpPr>
        <p:spPr>
          <a:xfrm>
            <a:off x="5536861" y="4059845"/>
            <a:ext cx="1150892" cy="276999"/>
          </a:xfrm>
          <a:prstGeom prst="rect">
            <a:avLst/>
          </a:prstGeom>
        </p:spPr>
        <p:txBody>
          <a:bodyPr wrap="non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0" i="0" u="sng" strike="noStrike" kern="1200" cap="none" spc="0" normalizeH="0" baseline="0" noProof="0">
                <a:ln>
                  <a:noFill/>
                </a:ln>
                <a:solidFill>
                  <a:srgbClr val="0070C0"/>
                </a:solidFill>
                <a:effectLst/>
                <a:uLnTx/>
                <a:uFillTx/>
                <a:ea typeface="Roboto" pitchFamily="2" charset="0"/>
                <a:cs typeface="Tahoma" pitchFamily="34" charset="0"/>
                <a:hlinkClick r:id="rId16"/>
              </a:rPr>
              <a:t>Tyco Animation</a:t>
            </a:r>
            <a:endParaRPr kumimoji="0" lang="en-US" sz="1200" b="0" i="0" u="none" strike="noStrike" kern="1200" cap="none" spc="0" normalizeH="0" baseline="0" noProof="0">
              <a:ln>
                <a:noFill/>
              </a:ln>
              <a:solidFill>
                <a:srgbClr val="0070C0"/>
              </a:solidFill>
              <a:effectLst/>
              <a:uLnTx/>
              <a:uFillTx/>
              <a:ea typeface="Roboto" pitchFamily="2" charset="0"/>
              <a:cs typeface="Tahoma" pitchFamily="34" charset="0"/>
            </a:endParaRPr>
          </a:p>
        </p:txBody>
      </p:sp>
      <p:pic>
        <p:nvPicPr>
          <p:cNvPr id="29" name="Picture 2">
            <a:hlinkClick r:id="rId17"/>
            <a:extLst>
              <a:ext uri="{FF2B5EF4-FFF2-40B4-BE49-F238E27FC236}">
                <a16:creationId xmlns:a16="http://schemas.microsoft.com/office/drawing/2014/main" id="{3C8AB9D4-6813-EC77-6C2A-F5B999896335}"/>
              </a:ext>
            </a:extLst>
          </p:cNvPr>
          <p:cNvPicPr>
            <a:picLocks noChangeAspect="1" noChangeArrowheads="1"/>
          </p:cNvPicPr>
          <p:nvPr/>
        </p:nvPicPr>
        <p:blipFill rotWithShape="1">
          <a:blip r:embed="rId18" cstate="print">
            <a:extLst>
              <a:ext uri="{28A0092B-C50C-407E-A947-70E740481C1C}">
                <a14:useLocalDpi xmlns:a14="http://schemas.microsoft.com/office/drawing/2010/main" val="0"/>
              </a:ext>
            </a:extLst>
          </a:blip>
          <a:srcRect l="24564" t="16844" r="28306" b="24682"/>
          <a:stretch/>
        </p:blipFill>
        <p:spPr bwMode="auto">
          <a:xfrm>
            <a:off x="880036" y="1245635"/>
            <a:ext cx="1697917" cy="1049780"/>
          </a:xfrm>
          <a:prstGeom prst="rect">
            <a:avLst/>
          </a:prstGeom>
          <a:ln>
            <a:solidFill>
              <a:schemeClr val="accent1"/>
            </a:solidFill>
          </a:ln>
          <a:extLst>
            <a:ext uri="{909E8E84-426E-40DD-AFC4-6F175D3DCCD1}">
              <a14:hiddenFill xmlns:a14="http://schemas.microsoft.com/office/drawing/2010/main">
                <a:solidFill>
                  <a:schemeClr val="accent1"/>
                </a:solidFill>
              </a14:hiddenFill>
            </a:ext>
            <a:ext uri="{AF507438-7753-43E0-B8FC-AC1667EBCBE1}">
              <a14:hiddenEffects xmlns:a14="http://schemas.microsoft.com/office/drawing/2010/main">
                <a:effectLst>
                  <a:outerShdw dist="35921" dir="2700000" algn="ctr" rotWithShape="0">
                    <a:schemeClr val="bg2"/>
                  </a:outerShdw>
                </a:effectLst>
              </a14:hiddenEffects>
            </a:ext>
          </a:extLst>
        </p:spPr>
      </p:pic>
      <p:sp>
        <p:nvSpPr>
          <p:cNvPr id="30" name="Rectangle 29">
            <a:extLst>
              <a:ext uri="{FF2B5EF4-FFF2-40B4-BE49-F238E27FC236}">
                <a16:creationId xmlns:a16="http://schemas.microsoft.com/office/drawing/2014/main" id="{1BCA5BCA-34E4-77D9-59BD-B41379B5205C}"/>
              </a:ext>
            </a:extLst>
          </p:cNvPr>
          <p:cNvSpPr/>
          <p:nvPr/>
        </p:nvSpPr>
        <p:spPr>
          <a:xfrm>
            <a:off x="877168" y="2306259"/>
            <a:ext cx="1700784" cy="276998"/>
          </a:xfrm>
          <a:prstGeom prst="rect">
            <a:avLst/>
          </a:prstGeom>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0" i="0" u="none" strike="noStrike" kern="1200" cap="none" spc="0" normalizeH="0" baseline="0" noProof="0">
                <a:ln>
                  <a:noFill/>
                </a:ln>
                <a:solidFill>
                  <a:prstClr val="white">
                    <a:lumMod val="50000"/>
                  </a:prstClr>
                </a:solidFill>
                <a:effectLst/>
                <a:uLnTx/>
                <a:uFillTx/>
                <a:ea typeface="+mn-ea"/>
                <a:cs typeface="+mn-cs"/>
                <a:hlinkClick r:id="rId17"/>
              </a:rPr>
              <a:t>3D Samples</a:t>
            </a:r>
            <a:endParaRPr kumimoji="0" lang="en-US" sz="1200" b="0" i="0" u="none" strike="noStrike" kern="1200" cap="none" spc="0" normalizeH="0" baseline="0" noProof="0">
              <a:ln>
                <a:noFill/>
              </a:ln>
              <a:solidFill>
                <a:prstClr val="white">
                  <a:lumMod val="50000"/>
                </a:prstClr>
              </a:solidFill>
              <a:effectLst/>
              <a:uLnTx/>
              <a:uFillTx/>
              <a:ea typeface="+mn-ea"/>
              <a:cs typeface="+mn-cs"/>
            </a:endParaRPr>
          </a:p>
        </p:txBody>
      </p:sp>
      <p:pic>
        <p:nvPicPr>
          <p:cNvPr id="31" name="Picture 2">
            <a:hlinkClick r:id="rId16"/>
            <a:extLst>
              <a:ext uri="{FF2B5EF4-FFF2-40B4-BE49-F238E27FC236}">
                <a16:creationId xmlns:a16="http://schemas.microsoft.com/office/drawing/2014/main" id="{D770AB88-80D1-DA88-2E82-28F0E325397E}"/>
              </a:ext>
            </a:extLst>
          </p:cNvPr>
          <p:cNvPicPr>
            <a:picLocks noChangeAspect="1" noChangeArrowheads="1"/>
          </p:cNvPicPr>
          <p:nvPr/>
        </p:nvPicPr>
        <p:blipFill rotWithShape="1">
          <a:blip r:embed="rId19" cstate="print">
            <a:extLst>
              <a:ext uri="{28A0092B-C50C-407E-A947-70E740481C1C}">
                <a14:useLocalDpi xmlns:a14="http://schemas.microsoft.com/office/drawing/2010/main" val="0"/>
              </a:ext>
            </a:extLst>
          </a:blip>
          <a:srcRect l="39976" t="35087" r="22375" b="32457"/>
          <a:stretch/>
        </p:blipFill>
        <p:spPr bwMode="auto">
          <a:xfrm>
            <a:off x="5256677" y="2989461"/>
            <a:ext cx="1700281" cy="1056256"/>
          </a:xfrm>
          <a:prstGeom prst="rect">
            <a:avLst/>
          </a:prstGeom>
          <a:ln>
            <a:solidFill>
              <a:schemeClr val="accent1"/>
            </a:solidFill>
          </a:ln>
          <a:extLst>
            <a:ext uri="{909E8E84-426E-40DD-AFC4-6F175D3DCCD1}">
              <a14:hiddenFill xmlns:a14="http://schemas.microsoft.com/office/drawing/2010/main">
                <a:solidFill>
                  <a:schemeClr val="accent1"/>
                </a:solidFill>
              </a14:hiddenFill>
            </a:ext>
            <a:ext uri="{AF507438-7753-43E0-B8FC-AC1667EBCBE1}">
              <a14:hiddenEffects xmlns:a14="http://schemas.microsoft.com/office/drawing/2010/main">
                <a:effectLst>
                  <a:outerShdw dist="35921" dir="2700000" algn="ctr" rotWithShape="0">
                    <a:schemeClr val="bg2"/>
                  </a:outerShdw>
                </a:effectLst>
              </a14:hiddenEffects>
            </a:ext>
          </a:extLst>
        </p:spPr>
      </p:pic>
      <p:pic>
        <p:nvPicPr>
          <p:cNvPr id="32" name="Picture 3">
            <a:hlinkClick r:id="rId8"/>
            <a:extLst>
              <a:ext uri="{FF2B5EF4-FFF2-40B4-BE49-F238E27FC236}">
                <a16:creationId xmlns:a16="http://schemas.microsoft.com/office/drawing/2014/main" id="{9D329144-23B3-E504-E108-7A22AF1324A5}"/>
              </a:ext>
            </a:extLst>
          </p:cNvPr>
          <p:cNvPicPr>
            <a:picLocks noChangeAspect="1" noChangeArrowheads="1"/>
          </p:cNvPicPr>
          <p:nvPr/>
        </p:nvPicPr>
        <p:blipFill rotWithShape="1">
          <a:blip r:embed="rId20" cstate="print">
            <a:extLst>
              <a:ext uri="{28A0092B-C50C-407E-A947-70E740481C1C}">
                <a14:useLocalDpi xmlns:a14="http://schemas.microsoft.com/office/drawing/2010/main" val="0"/>
              </a:ext>
            </a:extLst>
          </a:blip>
          <a:srcRect l="52571" t="33027" r="16286" b="24814"/>
          <a:stretch/>
        </p:blipFill>
        <p:spPr bwMode="auto">
          <a:xfrm>
            <a:off x="3067005" y="2980396"/>
            <a:ext cx="1700783" cy="1060625"/>
          </a:xfrm>
          <a:prstGeom prst="rect">
            <a:avLst/>
          </a:prstGeom>
          <a:ln>
            <a:solidFill>
              <a:schemeClr val="accent1"/>
            </a:solidFill>
          </a:ln>
          <a:extLst>
            <a:ext uri="{909E8E84-426E-40DD-AFC4-6F175D3DCCD1}">
              <a14:hiddenFill xmlns:a14="http://schemas.microsoft.com/office/drawing/2010/main">
                <a:solidFill>
                  <a:schemeClr val="accent1"/>
                </a:solidFill>
              </a14:hiddenFill>
            </a:ext>
            <a:ext uri="{AF507438-7753-43E0-B8FC-AC1667EBCBE1}">
              <a14:hiddenEffects xmlns:a14="http://schemas.microsoft.com/office/drawing/2010/main">
                <a:effectLst>
                  <a:outerShdw dist="35921" dir="2700000" algn="ctr" rotWithShape="0">
                    <a:schemeClr val="bg2"/>
                  </a:outerShdw>
                </a:effectLst>
              </a14:hiddenEffects>
            </a:ext>
          </a:extLst>
        </p:spPr>
      </p:pic>
      <p:cxnSp>
        <p:nvCxnSpPr>
          <p:cNvPr id="33" name="Straight Connector 32">
            <a:extLst>
              <a:ext uri="{FF2B5EF4-FFF2-40B4-BE49-F238E27FC236}">
                <a16:creationId xmlns:a16="http://schemas.microsoft.com/office/drawing/2014/main" id="{4DBAAF64-9DF5-0251-7E0D-4FDA8965D12D}"/>
              </a:ext>
            </a:extLst>
          </p:cNvPr>
          <p:cNvCxnSpPr/>
          <p:nvPr/>
        </p:nvCxnSpPr>
        <p:spPr>
          <a:xfrm>
            <a:off x="2807876" y="1139404"/>
            <a:ext cx="0" cy="3272340"/>
          </a:xfrm>
          <a:prstGeom prst="line">
            <a:avLst/>
          </a:prstGeom>
          <a:ln>
            <a:solidFill>
              <a:schemeClr val="bg1">
                <a:lumMod val="75000"/>
              </a:schemeClr>
            </a:solidFill>
            <a:prstDash val="dash"/>
          </a:ln>
        </p:spPr>
        <p:style>
          <a:lnRef idx="1">
            <a:schemeClr val="accent1"/>
          </a:lnRef>
          <a:fillRef idx="0">
            <a:schemeClr val="accent1"/>
          </a:fillRef>
          <a:effectRef idx="0">
            <a:schemeClr val="accent1"/>
          </a:effectRef>
          <a:fontRef idx="minor">
            <a:schemeClr val="tx1"/>
          </a:fontRef>
        </p:style>
      </p:cxnSp>
      <p:cxnSp>
        <p:nvCxnSpPr>
          <p:cNvPr id="34" name="Straight Connector 33">
            <a:extLst>
              <a:ext uri="{FF2B5EF4-FFF2-40B4-BE49-F238E27FC236}">
                <a16:creationId xmlns:a16="http://schemas.microsoft.com/office/drawing/2014/main" id="{7F6E1AAC-0291-C92E-E08C-3BC46E9FDE3E}"/>
              </a:ext>
            </a:extLst>
          </p:cNvPr>
          <p:cNvCxnSpPr/>
          <p:nvPr/>
        </p:nvCxnSpPr>
        <p:spPr>
          <a:xfrm>
            <a:off x="4997548" y="1139404"/>
            <a:ext cx="0" cy="3272340"/>
          </a:xfrm>
          <a:prstGeom prst="line">
            <a:avLst/>
          </a:prstGeom>
          <a:ln>
            <a:solidFill>
              <a:schemeClr val="bg1">
                <a:lumMod val="75000"/>
              </a:schemeClr>
            </a:solidFill>
            <a:prstDash val="dash"/>
          </a:ln>
        </p:spPr>
        <p:style>
          <a:lnRef idx="1">
            <a:schemeClr val="accent1"/>
          </a:lnRef>
          <a:fillRef idx="0">
            <a:schemeClr val="accent1"/>
          </a:fillRef>
          <a:effectRef idx="0">
            <a:schemeClr val="accent1"/>
          </a:effectRef>
          <a:fontRef idx="minor">
            <a:schemeClr val="tx1"/>
          </a:fontRef>
        </p:style>
      </p:cxnSp>
      <p:cxnSp>
        <p:nvCxnSpPr>
          <p:cNvPr id="35" name="Straight Connector 34">
            <a:extLst>
              <a:ext uri="{FF2B5EF4-FFF2-40B4-BE49-F238E27FC236}">
                <a16:creationId xmlns:a16="http://schemas.microsoft.com/office/drawing/2014/main" id="{05DAF002-8337-6EFF-D242-76816129E42D}"/>
              </a:ext>
            </a:extLst>
          </p:cNvPr>
          <p:cNvCxnSpPr/>
          <p:nvPr/>
        </p:nvCxnSpPr>
        <p:spPr>
          <a:xfrm>
            <a:off x="9376892" y="1139404"/>
            <a:ext cx="0" cy="3272340"/>
          </a:xfrm>
          <a:prstGeom prst="line">
            <a:avLst/>
          </a:prstGeom>
          <a:ln>
            <a:solidFill>
              <a:schemeClr val="bg1">
                <a:lumMod val="75000"/>
              </a:schemeClr>
            </a:solidFill>
            <a:prstDash val="dash"/>
          </a:ln>
        </p:spPr>
        <p:style>
          <a:lnRef idx="1">
            <a:schemeClr val="accent1"/>
          </a:lnRef>
          <a:fillRef idx="0">
            <a:schemeClr val="accent1"/>
          </a:fillRef>
          <a:effectRef idx="0">
            <a:schemeClr val="accent1"/>
          </a:effectRef>
          <a:fontRef idx="minor">
            <a:schemeClr val="tx1"/>
          </a:fontRef>
        </p:style>
      </p:cxnSp>
      <p:cxnSp>
        <p:nvCxnSpPr>
          <p:cNvPr id="36" name="Straight Connector 35">
            <a:extLst>
              <a:ext uri="{FF2B5EF4-FFF2-40B4-BE49-F238E27FC236}">
                <a16:creationId xmlns:a16="http://schemas.microsoft.com/office/drawing/2014/main" id="{A67A1E1B-F182-EF07-C017-6E8537606C97}"/>
              </a:ext>
            </a:extLst>
          </p:cNvPr>
          <p:cNvCxnSpPr/>
          <p:nvPr/>
        </p:nvCxnSpPr>
        <p:spPr>
          <a:xfrm>
            <a:off x="7187220" y="1139404"/>
            <a:ext cx="0" cy="3272340"/>
          </a:xfrm>
          <a:prstGeom prst="line">
            <a:avLst/>
          </a:prstGeom>
          <a:ln>
            <a:solidFill>
              <a:schemeClr val="bg1">
                <a:lumMod val="75000"/>
              </a:schemeClr>
            </a:solidFill>
            <a:prstDash val="dash"/>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3345483285"/>
      </p:ext>
    </p:extLst>
  </p:cSld>
  <p:clrMapOvr>
    <a:masterClrMapping/>
  </p:clrMapOvr>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42836545-E360-6B6D-DC1A-8D61C6131CCF}"/>
              </a:ext>
            </a:extLst>
          </p:cNvPr>
          <p:cNvSpPr/>
          <p:nvPr/>
        </p:nvSpPr>
        <p:spPr>
          <a:xfrm>
            <a:off x="-1" y="-1"/>
            <a:ext cx="12191997" cy="6857999"/>
          </a:xfrm>
          <a:prstGeom prst="rect">
            <a:avLst/>
          </a:prstGeom>
          <a:solidFill>
            <a:srgbClr val="DEE3E6"/>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pic>
        <p:nvPicPr>
          <p:cNvPr id="5" name="Picture 4" descr="A picture containing text&#10;&#10;Description automatically generated">
            <a:extLst>
              <a:ext uri="{FF2B5EF4-FFF2-40B4-BE49-F238E27FC236}">
                <a16:creationId xmlns:a16="http://schemas.microsoft.com/office/drawing/2014/main" id="{27F46E63-C4D3-A55B-B33C-08DF958A839F}"/>
              </a:ext>
            </a:extLst>
          </p:cNvPr>
          <p:cNvPicPr>
            <a:picLocks noChangeAspect="1"/>
          </p:cNvPicPr>
          <p:nvPr/>
        </p:nvPicPr>
        <p:blipFill rotWithShape="1">
          <a:blip r:embed="rId2" cstate="screen">
            <a:extLst>
              <a:ext uri="{28A0092B-C50C-407E-A947-70E740481C1C}">
                <a14:useLocalDpi xmlns:a14="http://schemas.microsoft.com/office/drawing/2010/main"/>
              </a:ext>
            </a:extLst>
          </a:blip>
          <a:srcRect/>
          <a:stretch/>
        </p:blipFill>
        <p:spPr>
          <a:xfrm>
            <a:off x="4352925" y="0"/>
            <a:ext cx="7839075" cy="6861110"/>
          </a:xfrm>
          <a:prstGeom prst="rect">
            <a:avLst/>
          </a:prstGeom>
        </p:spPr>
      </p:pic>
      <p:grpSp>
        <p:nvGrpSpPr>
          <p:cNvPr id="6" name="Group 5">
            <a:extLst>
              <a:ext uri="{FF2B5EF4-FFF2-40B4-BE49-F238E27FC236}">
                <a16:creationId xmlns:a16="http://schemas.microsoft.com/office/drawing/2014/main" id="{C707F2C9-54CA-9C55-DD3C-EC714EC0082B}"/>
              </a:ext>
            </a:extLst>
          </p:cNvPr>
          <p:cNvGrpSpPr/>
          <p:nvPr/>
        </p:nvGrpSpPr>
        <p:grpSpPr>
          <a:xfrm>
            <a:off x="743951" y="3121221"/>
            <a:ext cx="4545804" cy="615553"/>
            <a:chOff x="743951" y="811203"/>
            <a:chExt cx="4545804" cy="615553"/>
          </a:xfrm>
        </p:grpSpPr>
        <p:sp>
          <p:nvSpPr>
            <p:cNvPr id="7" name="TextBox 6">
              <a:extLst>
                <a:ext uri="{FF2B5EF4-FFF2-40B4-BE49-F238E27FC236}">
                  <a16:creationId xmlns:a16="http://schemas.microsoft.com/office/drawing/2014/main" id="{318B0290-B7FD-74A0-E68B-63F2CCA14FF5}"/>
                </a:ext>
              </a:extLst>
            </p:cNvPr>
            <p:cNvSpPr txBox="1"/>
            <p:nvPr userDrawn="1"/>
          </p:nvSpPr>
          <p:spPr>
            <a:xfrm>
              <a:off x="866946" y="811203"/>
              <a:ext cx="4422809" cy="615553"/>
            </a:xfrm>
            <a:prstGeom prst="rect">
              <a:avLst/>
            </a:prstGeom>
            <a:noFill/>
          </p:spPr>
          <p:txBody>
            <a:bodyPr wrap="square" rtlCol="0">
              <a:spAutoFit/>
            </a:bodyPr>
            <a:lstStyle>
              <a:defPPr>
                <a:defRPr lang="en-US"/>
              </a:defPPr>
              <a:lvl1pPr>
                <a:defRPr sz="3600">
                  <a:solidFill>
                    <a:srgbClr val="005072"/>
                  </a:solidFill>
                  <a:latin typeface="Roboto light" panose="02000000000000000000" pitchFamily="2" charset="0"/>
                  <a:ea typeface="Roboto light" panose="02000000000000000000" pitchFamily="2" charset="0"/>
                  <a:cs typeface="Roboto light" panose="02000000000000000000" pitchFamily="2" charset="0"/>
                </a:defRPr>
              </a:lvl1pPr>
            </a:lstStyle>
            <a:p>
              <a:r>
                <a:rPr lang="en-IN" sz="3400"/>
                <a:t>Thank you</a:t>
              </a:r>
            </a:p>
          </p:txBody>
        </p:sp>
        <p:cxnSp>
          <p:nvCxnSpPr>
            <p:cNvPr id="8" name="Straight Connector 7">
              <a:extLst>
                <a:ext uri="{FF2B5EF4-FFF2-40B4-BE49-F238E27FC236}">
                  <a16:creationId xmlns:a16="http://schemas.microsoft.com/office/drawing/2014/main" id="{AFBCF039-1646-0F03-B44C-9B8EAA19DF0C}"/>
                </a:ext>
              </a:extLst>
            </p:cNvPr>
            <p:cNvCxnSpPr>
              <a:cxnSpLocks/>
            </p:cNvCxnSpPr>
            <p:nvPr userDrawn="1"/>
          </p:nvCxnSpPr>
          <p:spPr>
            <a:xfrm>
              <a:off x="743951" y="865551"/>
              <a:ext cx="0" cy="506855"/>
            </a:xfrm>
            <a:prstGeom prst="line">
              <a:avLst/>
            </a:prstGeom>
            <a:ln w="28575">
              <a:solidFill>
                <a:srgbClr val="005072"/>
              </a:solidFill>
            </a:ln>
          </p:spPr>
          <p:style>
            <a:lnRef idx="1">
              <a:schemeClr val="accent1"/>
            </a:lnRef>
            <a:fillRef idx="0">
              <a:schemeClr val="accent1"/>
            </a:fillRef>
            <a:effectRef idx="0">
              <a:schemeClr val="accent1"/>
            </a:effectRef>
            <a:fontRef idx="minor">
              <a:schemeClr val="tx1"/>
            </a:fontRef>
          </p:style>
        </p:cxnSp>
      </p:grpSp>
      <p:sp>
        <p:nvSpPr>
          <p:cNvPr id="9" name="Rectangle 8">
            <a:extLst>
              <a:ext uri="{FF2B5EF4-FFF2-40B4-BE49-F238E27FC236}">
                <a16:creationId xmlns:a16="http://schemas.microsoft.com/office/drawing/2014/main" id="{5E4261CE-6C00-F449-DC1D-8177532D4027}"/>
              </a:ext>
            </a:extLst>
          </p:cNvPr>
          <p:cNvSpPr/>
          <p:nvPr/>
        </p:nvSpPr>
        <p:spPr>
          <a:xfrm flipH="1">
            <a:off x="3638722" y="0"/>
            <a:ext cx="1828800" cy="6858000"/>
          </a:xfrm>
          <a:prstGeom prst="rect">
            <a:avLst/>
          </a:prstGeom>
          <a:gradFill flip="none" rotWithShape="1">
            <a:gsLst>
              <a:gs pos="8000">
                <a:srgbClr val="DEE3E6">
                  <a:alpha val="0"/>
                </a:srgbClr>
              </a:gs>
              <a:gs pos="42000">
                <a:srgbClr val="DEE3E6"/>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Tree>
    <p:extLst>
      <p:ext uri="{BB962C8B-B14F-4D97-AF65-F5344CB8AC3E}">
        <p14:creationId xmlns:p14="http://schemas.microsoft.com/office/powerpoint/2010/main" val="2819570261"/>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078E71F-EC9E-10C5-5B8B-D4D34D2E61DB}"/>
              </a:ext>
            </a:extLst>
          </p:cNvPr>
          <p:cNvSpPr>
            <a:spLocks noGrp="1"/>
          </p:cNvSpPr>
          <p:nvPr>
            <p:ph type="title"/>
          </p:nvPr>
        </p:nvSpPr>
        <p:spPr/>
        <p:txBody>
          <a:bodyPr/>
          <a:lstStyle/>
          <a:p>
            <a:r>
              <a:rPr lang="en-IN"/>
              <a:t>OUR CLIENTS (OTHER SECTORS)</a:t>
            </a:r>
          </a:p>
        </p:txBody>
      </p:sp>
      <p:grpSp>
        <p:nvGrpSpPr>
          <p:cNvPr id="3" name="Group 2">
            <a:extLst>
              <a:ext uri="{FF2B5EF4-FFF2-40B4-BE49-F238E27FC236}">
                <a16:creationId xmlns:a16="http://schemas.microsoft.com/office/drawing/2014/main" id="{29F2ACE8-57F5-A35D-70E0-DF59420594DD}"/>
              </a:ext>
            </a:extLst>
          </p:cNvPr>
          <p:cNvGrpSpPr/>
          <p:nvPr/>
        </p:nvGrpSpPr>
        <p:grpSpPr>
          <a:xfrm>
            <a:off x="571858" y="2026731"/>
            <a:ext cx="11090109" cy="590569"/>
            <a:chOff x="571858" y="1281773"/>
            <a:chExt cx="11090109" cy="590569"/>
          </a:xfrm>
        </p:grpSpPr>
        <p:sp>
          <p:nvSpPr>
            <p:cNvPr id="95" name="Rectangle 94">
              <a:extLst>
                <a:ext uri="{FF2B5EF4-FFF2-40B4-BE49-F238E27FC236}">
                  <a16:creationId xmlns:a16="http://schemas.microsoft.com/office/drawing/2014/main" id="{BA711155-3792-AD1F-58D5-4F13C7147A82}"/>
                </a:ext>
              </a:extLst>
            </p:cNvPr>
            <p:cNvSpPr/>
            <p:nvPr/>
          </p:nvSpPr>
          <p:spPr>
            <a:xfrm>
              <a:off x="571858" y="1281773"/>
              <a:ext cx="1590701" cy="590569"/>
            </a:xfrm>
            <a:prstGeom prst="rect">
              <a:avLst/>
            </a:prstGeom>
            <a:solidFill>
              <a:srgbClr val="045694"/>
            </a:solidFill>
            <a:ln w="3175">
              <a:solidFill>
                <a:srgbClr val="01597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defRPr/>
              </a:pPr>
              <a:r>
                <a:rPr lang="en-US" sz="1100">
                  <a:solidFill>
                    <a:schemeClr val="bg1"/>
                  </a:solidFill>
                  <a:latin typeface="Roboto" panose="02000000000000000000" pitchFamily="2" charset="0"/>
                  <a:ea typeface="Roboto" panose="02000000000000000000" pitchFamily="2" charset="0"/>
                  <a:cs typeface="Roboto" panose="02000000000000000000" pitchFamily="2" charset="0"/>
                </a:rPr>
                <a:t>Telecom &amp; DTH</a:t>
              </a:r>
            </a:p>
          </p:txBody>
        </p:sp>
        <p:sp>
          <p:nvSpPr>
            <p:cNvPr id="96" name="Rectangle 95">
              <a:extLst>
                <a:ext uri="{FF2B5EF4-FFF2-40B4-BE49-F238E27FC236}">
                  <a16:creationId xmlns:a16="http://schemas.microsoft.com/office/drawing/2014/main" id="{61D55188-E7F8-C125-A976-F1C35360EFD9}"/>
                </a:ext>
              </a:extLst>
            </p:cNvPr>
            <p:cNvSpPr/>
            <p:nvPr/>
          </p:nvSpPr>
          <p:spPr>
            <a:xfrm rot="16200000">
              <a:off x="6611898" y="-3177726"/>
              <a:ext cx="590569" cy="9509568"/>
            </a:xfrm>
            <a:prstGeom prst="rect">
              <a:avLst/>
            </a:prstGeom>
            <a:solidFill>
              <a:schemeClr val="bg1"/>
            </a:solidFill>
            <a:ln w="3175">
              <a:solidFill>
                <a:schemeClr val="bg1">
                  <a:lumMod val="65000"/>
                </a:schemeClr>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100" b="1" i="0" u="none" strike="noStrike" kern="1200" cap="none" spc="0" normalizeH="0" baseline="0" noProof="0">
                <a:ln>
                  <a:noFill/>
                </a:ln>
                <a:solidFill>
                  <a:prstClr val="white"/>
                </a:solidFill>
                <a:effectLst/>
                <a:uLnTx/>
                <a:uFillTx/>
                <a:latin typeface="Roboto" panose="02000000000000000000" pitchFamily="2" charset="0"/>
                <a:ea typeface="Roboto" panose="02000000000000000000" pitchFamily="2" charset="0"/>
                <a:cs typeface="Roboto" panose="02000000000000000000" pitchFamily="2" charset="0"/>
              </a:endParaRPr>
            </a:p>
          </p:txBody>
        </p:sp>
      </p:grpSp>
      <p:grpSp>
        <p:nvGrpSpPr>
          <p:cNvPr id="97" name="Group 96">
            <a:extLst>
              <a:ext uri="{FF2B5EF4-FFF2-40B4-BE49-F238E27FC236}">
                <a16:creationId xmlns:a16="http://schemas.microsoft.com/office/drawing/2014/main" id="{8F379340-4765-4E13-41B6-3B02D46EEC9A}"/>
              </a:ext>
            </a:extLst>
          </p:cNvPr>
          <p:cNvGrpSpPr/>
          <p:nvPr/>
        </p:nvGrpSpPr>
        <p:grpSpPr>
          <a:xfrm>
            <a:off x="571858" y="1281773"/>
            <a:ext cx="11090109" cy="590569"/>
            <a:chOff x="571858" y="1281773"/>
            <a:chExt cx="11090109" cy="590569"/>
          </a:xfrm>
        </p:grpSpPr>
        <p:sp>
          <p:nvSpPr>
            <p:cNvPr id="98" name="Rectangle 97">
              <a:extLst>
                <a:ext uri="{FF2B5EF4-FFF2-40B4-BE49-F238E27FC236}">
                  <a16:creationId xmlns:a16="http://schemas.microsoft.com/office/drawing/2014/main" id="{00740859-5FD1-4C4B-3D28-64C977B673FC}"/>
                </a:ext>
              </a:extLst>
            </p:cNvPr>
            <p:cNvSpPr/>
            <p:nvPr/>
          </p:nvSpPr>
          <p:spPr>
            <a:xfrm>
              <a:off x="571858" y="1281773"/>
              <a:ext cx="1590701" cy="590569"/>
            </a:xfrm>
            <a:prstGeom prst="rect">
              <a:avLst/>
            </a:prstGeom>
            <a:solidFill>
              <a:srgbClr val="045694"/>
            </a:solidFill>
            <a:ln w="3175">
              <a:solidFill>
                <a:srgbClr val="01597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defRPr/>
              </a:pPr>
              <a:r>
                <a:rPr lang="en-US" sz="1100" kern="0">
                  <a:solidFill>
                    <a:schemeClr val="bg1"/>
                  </a:solidFill>
                  <a:latin typeface="Roboto" panose="02000000000000000000" pitchFamily="2" charset="0"/>
                  <a:ea typeface="Roboto" panose="02000000000000000000" pitchFamily="2" charset="0"/>
                  <a:cs typeface="Roboto" panose="02000000000000000000" pitchFamily="2" charset="0"/>
                </a:rPr>
                <a:t>BFSI &amp; Healthcare</a:t>
              </a:r>
            </a:p>
          </p:txBody>
        </p:sp>
        <p:sp>
          <p:nvSpPr>
            <p:cNvPr id="99" name="Rectangle 98">
              <a:extLst>
                <a:ext uri="{FF2B5EF4-FFF2-40B4-BE49-F238E27FC236}">
                  <a16:creationId xmlns:a16="http://schemas.microsoft.com/office/drawing/2014/main" id="{20B1B81A-BABA-DD37-71C1-E7D1CAB2D02B}"/>
                </a:ext>
              </a:extLst>
            </p:cNvPr>
            <p:cNvSpPr/>
            <p:nvPr/>
          </p:nvSpPr>
          <p:spPr>
            <a:xfrm rot="16200000">
              <a:off x="6611898" y="-3177726"/>
              <a:ext cx="590569" cy="9509568"/>
            </a:xfrm>
            <a:prstGeom prst="rect">
              <a:avLst/>
            </a:prstGeom>
            <a:solidFill>
              <a:schemeClr val="bg1"/>
            </a:solidFill>
            <a:ln w="3175">
              <a:solidFill>
                <a:schemeClr val="bg1">
                  <a:lumMod val="65000"/>
                </a:schemeClr>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100" b="1" i="0" u="none" strike="noStrike" kern="1200" cap="none" spc="0" normalizeH="0" baseline="0" noProof="0">
                <a:ln>
                  <a:noFill/>
                </a:ln>
                <a:solidFill>
                  <a:prstClr val="white"/>
                </a:solidFill>
                <a:effectLst/>
                <a:uLnTx/>
                <a:uFillTx/>
                <a:latin typeface="Roboto" panose="02000000000000000000" pitchFamily="2" charset="0"/>
                <a:ea typeface="Roboto" panose="02000000000000000000" pitchFamily="2" charset="0"/>
                <a:cs typeface="Roboto" panose="02000000000000000000" pitchFamily="2" charset="0"/>
              </a:endParaRPr>
            </a:p>
          </p:txBody>
        </p:sp>
      </p:grpSp>
      <p:grpSp>
        <p:nvGrpSpPr>
          <p:cNvPr id="100" name="Group 99">
            <a:extLst>
              <a:ext uri="{FF2B5EF4-FFF2-40B4-BE49-F238E27FC236}">
                <a16:creationId xmlns:a16="http://schemas.microsoft.com/office/drawing/2014/main" id="{3A186B3C-01AE-3B71-C5DF-AEA2BEC079D7}"/>
              </a:ext>
            </a:extLst>
          </p:cNvPr>
          <p:cNvGrpSpPr/>
          <p:nvPr/>
        </p:nvGrpSpPr>
        <p:grpSpPr>
          <a:xfrm>
            <a:off x="582019" y="5776920"/>
            <a:ext cx="11090109" cy="590569"/>
            <a:chOff x="571858" y="1281773"/>
            <a:chExt cx="11090109" cy="590569"/>
          </a:xfrm>
        </p:grpSpPr>
        <p:sp>
          <p:nvSpPr>
            <p:cNvPr id="101" name="Rectangle 100">
              <a:extLst>
                <a:ext uri="{FF2B5EF4-FFF2-40B4-BE49-F238E27FC236}">
                  <a16:creationId xmlns:a16="http://schemas.microsoft.com/office/drawing/2014/main" id="{1D3C55C3-D2E8-3ADB-34EB-3A69399AC478}"/>
                </a:ext>
              </a:extLst>
            </p:cNvPr>
            <p:cNvSpPr/>
            <p:nvPr/>
          </p:nvSpPr>
          <p:spPr>
            <a:xfrm>
              <a:off x="571858" y="1281773"/>
              <a:ext cx="1590701" cy="590569"/>
            </a:xfrm>
            <a:prstGeom prst="rect">
              <a:avLst/>
            </a:prstGeom>
            <a:solidFill>
              <a:srgbClr val="045694"/>
            </a:solidFill>
            <a:ln w="3175">
              <a:solidFill>
                <a:srgbClr val="01597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buClr>
                  <a:srgbClr val="006699"/>
                </a:buClr>
                <a:defRPr/>
              </a:pPr>
              <a:r>
                <a:rPr lang="en-US" sz="1100" kern="0">
                  <a:solidFill>
                    <a:schemeClr val="bg1"/>
                  </a:solidFill>
                  <a:latin typeface="Roboto" panose="02000000000000000000" pitchFamily="2" charset="0"/>
                  <a:ea typeface="Roboto" panose="02000000000000000000" pitchFamily="2" charset="0"/>
                  <a:cs typeface="Roboto" panose="02000000000000000000" pitchFamily="2" charset="0"/>
                </a:rPr>
                <a:t>Publishing &amp; Content</a:t>
              </a:r>
            </a:p>
          </p:txBody>
        </p:sp>
        <p:sp>
          <p:nvSpPr>
            <p:cNvPr id="102" name="Rectangle 101">
              <a:extLst>
                <a:ext uri="{FF2B5EF4-FFF2-40B4-BE49-F238E27FC236}">
                  <a16:creationId xmlns:a16="http://schemas.microsoft.com/office/drawing/2014/main" id="{03BD5881-3697-3F41-B0A9-751BBC24654D}"/>
                </a:ext>
              </a:extLst>
            </p:cNvPr>
            <p:cNvSpPr/>
            <p:nvPr/>
          </p:nvSpPr>
          <p:spPr>
            <a:xfrm rot="16200000">
              <a:off x="6611898" y="-3177726"/>
              <a:ext cx="590569" cy="9509568"/>
            </a:xfrm>
            <a:prstGeom prst="rect">
              <a:avLst/>
            </a:prstGeom>
            <a:solidFill>
              <a:schemeClr val="bg1"/>
            </a:solidFill>
            <a:ln w="3175">
              <a:solidFill>
                <a:schemeClr val="bg1">
                  <a:lumMod val="65000"/>
                </a:schemeClr>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100" b="1" i="0" u="none" strike="noStrike" kern="1200" cap="none" spc="0" normalizeH="0" baseline="0" noProof="0">
                <a:ln>
                  <a:noFill/>
                </a:ln>
                <a:solidFill>
                  <a:prstClr val="white"/>
                </a:solidFill>
                <a:effectLst/>
                <a:uLnTx/>
                <a:uFillTx/>
                <a:latin typeface="Roboto" panose="02000000000000000000" pitchFamily="2" charset="0"/>
                <a:ea typeface="Roboto" panose="02000000000000000000" pitchFamily="2" charset="0"/>
                <a:cs typeface="Roboto" panose="02000000000000000000" pitchFamily="2" charset="0"/>
              </a:endParaRPr>
            </a:p>
          </p:txBody>
        </p:sp>
      </p:grpSp>
      <p:grpSp>
        <p:nvGrpSpPr>
          <p:cNvPr id="103" name="Group 102">
            <a:extLst>
              <a:ext uri="{FF2B5EF4-FFF2-40B4-BE49-F238E27FC236}">
                <a16:creationId xmlns:a16="http://schemas.microsoft.com/office/drawing/2014/main" id="{11D3DE69-6099-B610-7719-1F528BFB9413}"/>
              </a:ext>
            </a:extLst>
          </p:cNvPr>
          <p:cNvGrpSpPr/>
          <p:nvPr/>
        </p:nvGrpSpPr>
        <p:grpSpPr>
          <a:xfrm>
            <a:off x="571858" y="2771689"/>
            <a:ext cx="11090109" cy="590569"/>
            <a:chOff x="571858" y="1281773"/>
            <a:chExt cx="11090109" cy="590569"/>
          </a:xfrm>
        </p:grpSpPr>
        <p:sp>
          <p:nvSpPr>
            <p:cNvPr id="104" name="Rectangle 103">
              <a:extLst>
                <a:ext uri="{FF2B5EF4-FFF2-40B4-BE49-F238E27FC236}">
                  <a16:creationId xmlns:a16="http://schemas.microsoft.com/office/drawing/2014/main" id="{BE62CA44-133E-550F-6C4F-606994B0498F}"/>
                </a:ext>
              </a:extLst>
            </p:cNvPr>
            <p:cNvSpPr/>
            <p:nvPr/>
          </p:nvSpPr>
          <p:spPr>
            <a:xfrm>
              <a:off x="571858" y="1281773"/>
              <a:ext cx="1590701" cy="590569"/>
            </a:xfrm>
            <a:prstGeom prst="rect">
              <a:avLst/>
            </a:prstGeom>
            <a:solidFill>
              <a:srgbClr val="045694"/>
            </a:solidFill>
            <a:ln w="3175">
              <a:solidFill>
                <a:srgbClr val="01597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defRPr/>
              </a:pPr>
              <a:r>
                <a:rPr lang="en-US" sz="1100">
                  <a:solidFill>
                    <a:schemeClr val="bg1"/>
                  </a:solidFill>
                  <a:latin typeface="Roboto" panose="02000000000000000000" pitchFamily="2" charset="0"/>
                  <a:ea typeface="Roboto" panose="02000000000000000000" pitchFamily="2" charset="0"/>
                  <a:cs typeface="Roboto" panose="02000000000000000000" pitchFamily="2" charset="0"/>
                </a:rPr>
                <a:t>Consumer Durables</a:t>
              </a:r>
            </a:p>
          </p:txBody>
        </p:sp>
        <p:sp>
          <p:nvSpPr>
            <p:cNvPr id="105" name="Rectangle 104">
              <a:extLst>
                <a:ext uri="{FF2B5EF4-FFF2-40B4-BE49-F238E27FC236}">
                  <a16:creationId xmlns:a16="http://schemas.microsoft.com/office/drawing/2014/main" id="{C14BADA8-44E1-3E76-0A8C-FF2375E073A7}"/>
                </a:ext>
              </a:extLst>
            </p:cNvPr>
            <p:cNvSpPr/>
            <p:nvPr/>
          </p:nvSpPr>
          <p:spPr>
            <a:xfrm rot="16200000">
              <a:off x="6611898" y="-3177726"/>
              <a:ext cx="590569" cy="9509568"/>
            </a:xfrm>
            <a:prstGeom prst="rect">
              <a:avLst/>
            </a:prstGeom>
            <a:solidFill>
              <a:schemeClr val="bg1"/>
            </a:solidFill>
            <a:ln w="3175">
              <a:solidFill>
                <a:schemeClr val="bg1">
                  <a:lumMod val="65000"/>
                </a:schemeClr>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100" b="1" i="0" u="none" strike="noStrike" kern="1200" cap="none" spc="0" normalizeH="0" baseline="0" noProof="0">
                <a:ln>
                  <a:noFill/>
                </a:ln>
                <a:solidFill>
                  <a:prstClr val="white"/>
                </a:solidFill>
                <a:effectLst/>
                <a:uLnTx/>
                <a:uFillTx/>
                <a:latin typeface="Roboto" panose="02000000000000000000" pitchFamily="2" charset="0"/>
                <a:ea typeface="Roboto" panose="02000000000000000000" pitchFamily="2" charset="0"/>
                <a:cs typeface="Roboto" panose="02000000000000000000" pitchFamily="2" charset="0"/>
              </a:endParaRPr>
            </a:p>
          </p:txBody>
        </p:sp>
      </p:grpSp>
      <p:grpSp>
        <p:nvGrpSpPr>
          <p:cNvPr id="106" name="Group 105">
            <a:extLst>
              <a:ext uri="{FF2B5EF4-FFF2-40B4-BE49-F238E27FC236}">
                <a16:creationId xmlns:a16="http://schemas.microsoft.com/office/drawing/2014/main" id="{A919E41A-D1FD-9D91-6CC9-AB16CE3BC627}"/>
              </a:ext>
            </a:extLst>
          </p:cNvPr>
          <p:cNvGrpSpPr/>
          <p:nvPr/>
        </p:nvGrpSpPr>
        <p:grpSpPr>
          <a:xfrm>
            <a:off x="571858" y="3516647"/>
            <a:ext cx="11090109" cy="590569"/>
            <a:chOff x="571858" y="1281773"/>
            <a:chExt cx="11090109" cy="590569"/>
          </a:xfrm>
        </p:grpSpPr>
        <p:sp>
          <p:nvSpPr>
            <p:cNvPr id="107" name="Rectangle 106">
              <a:extLst>
                <a:ext uri="{FF2B5EF4-FFF2-40B4-BE49-F238E27FC236}">
                  <a16:creationId xmlns:a16="http://schemas.microsoft.com/office/drawing/2014/main" id="{E731FF75-687A-6A06-D772-A56FA55D2509}"/>
                </a:ext>
              </a:extLst>
            </p:cNvPr>
            <p:cNvSpPr/>
            <p:nvPr/>
          </p:nvSpPr>
          <p:spPr>
            <a:xfrm>
              <a:off x="571858" y="1281773"/>
              <a:ext cx="1590701" cy="590569"/>
            </a:xfrm>
            <a:prstGeom prst="rect">
              <a:avLst/>
            </a:prstGeom>
            <a:solidFill>
              <a:srgbClr val="045694"/>
            </a:solidFill>
            <a:ln w="3175">
              <a:solidFill>
                <a:srgbClr val="01597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defRPr/>
              </a:pPr>
              <a:r>
                <a:rPr lang="en-US" sz="1100" kern="0">
                  <a:solidFill>
                    <a:schemeClr val="bg1"/>
                  </a:solidFill>
                  <a:latin typeface="Roboto" panose="02000000000000000000" pitchFamily="2" charset="0"/>
                  <a:ea typeface="Roboto" panose="02000000000000000000" pitchFamily="2" charset="0"/>
                  <a:cs typeface="Roboto" panose="02000000000000000000" pitchFamily="2" charset="0"/>
                </a:rPr>
                <a:t>Travel &amp; Others</a:t>
              </a:r>
            </a:p>
          </p:txBody>
        </p:sp>
        <p:sp>
          <p:nvSpPr>
            <p:cNvPr id="108" name="Rectangle 107">
              <a:extLst>
                <a:ext uri="{FF2B5EF4-FFF2-40B4-BE49-F238E27FC236}">
                  <a16:creationId xmlns:a16="http://schemas.microsoft.com/office/drawing/2014/main" id="{8F8AE9BE-53B4-3692-48F5-90ABE4CFE5A7}"/>
                </a:ext>
              </a:extLst>
            </p:cNvPr>
            <p:cNvSpPr/>
            <p:nvPr/>
          </p:nvSpPr>
          <p:spPr>
            <a:xfrm rot="16200000">
              <a:off x="6611898" y="-3177726"/>
              <a:ext cx="590569" cy="9509568"/>
            </a:xfrm>
            <a:prstGeom prst="rect">
              <a:avLst/>
            </a:prstGeom>
            <a:solidFill>
              <a:schemeClr val="bg1"/>
            </a:solidFill>
            <a:ln w="3175">
              <a:solidFill>
                <a:schemeClr val="bg1">
                  <a:lumMod val="65000"/>
                </a:schemeClr>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100" b="1" i="0" u="none" strike="noStrike" kern="1200" cap="none" spc="0" normalizeH="0" baseline="0" noProof="0">
                <a:ln>
                  <a:noFill/>
                </a:ln>
                <a:solidFill>
                  <a:prstClr val="white"/>
                </a:solidFill>
                <a:effectLst/>
                <a:uLnTx/>
                <a:uFillTx/>
                <a:latin typeface="Roboto" panose="02000000000000000000" pitchFamily="2" charset="0"/>
                <a:ea typeface="Roboto" panose="02000000000000000000" pitchFamily="2" charset="0"/>
                <a:cs typeface="Roboto" panose="02000000000000000000" pitchFamily="2" charset="0"/>
              </a:endParaRPr>
            </a:p>
          </p:txBody>
        </p:sp>
      </p:grpSp>
      <p:grpSp>
        <p:nvGrpSpPr>
          <p:cNvPr id="109" name="Group 108">
            <a:extLst>
              <a:ext uri="{FF2B5EF4-FFF2-40B4-BE49-F238E27FC236}">
                <a16:creationId xmlns:a16="http://schemas.microsoft.com/office/drawing/2014/main" id="{6918356B-6C15-2960-E68F-20627B31BECB}"/>
              </a:ext>
            </a:extLst>
          </p:cNvPr>
          <p:cNvGrpSpPr/>
          <p:nvPr/>
        </p:nvGrpSpPr>
        <p:grpSpPr>
          <a:xfrm>
            <a:off x="571858" y="4261605"/>
            <a:ext cx="11090109" cy="590569"/>
            <a:chOff x="571858" y="1281773"/>
            <a:chExt cx="11090109" cy="590569"/>
          </a:xfrm>
        </p:grpSpPr>
        <p:sp>
          <p:nvSpPr>
            <p:cNvPr id="110" name="Rectangle 109">
              <a:extLst>
                <a:ext uri="{FF2B5EF4-FFF2-40B4-BE49-F238E27FC236}">
                  <a16:creationId xmlns:a16="http://schemas.microsoft.com/office/drawing/2014/main" id="{9C90BB9C-3B72-1442-993E-2FA571C5AC2C}"/>
                </a:ext>
              </a:extLst>
            </p:cNvPr>
            <p:cNvSpPr/>
            <p:nvPr/>
          </p:nvSpPr>
          <p:spPr>
            <a:xfrm>
              <a:off x="571858" y="1281773"/>
              <a:ext cx="1590701" cy="590569"/>
            </a:xfrm>
            <a:prstGeom prst="rect">
              <a:avLst/>
            </a:prstGeom>
            <a:solidFill>
              <a:srgbClr val="045694"/>
            </a:solidFill>
            <a:ln w="3175">
              <a:solidFill>
                <a:srgbClr val="01597F"/>
              </a:solidFill>
            </a:ln>
          </p:spPr>
          <p:style>
            <a:lnRef idx="2">
              <a:schemeClr val="accent1">
                <a:shade val="50000"/>
              </a:schemeClr>
            </a:lnRef>
            <a:fillRef idx="1">
              <a:schemeClr val="accent1"/>
            </a:fillRef>
            <a:effectRef idx="0">
              <a:schemeClr val="accent1"/>
            </a:effectRef>
            <a:fontRef idx="minor">
              <a:schemeClr val="lt1"/>
            </a:fontRef>
          </p:style>
          <p:txBody>
            <a:bodyPr lIns="365760" rIns="365760" rtlCol="0" anchor="ctr"/>
            <a:lstStyle/>
            <a:p>
              <a:pPr algn="ctr">
                <a:defRPr/>
              </a:pPr>
              <a:r>
                <a:rPr lang="en-US" sz="1100" kern="0">
                  <a:solidFill>
                    <a:schemeClr val="bg1"/>
                  </a:solidFill>
                  <a:latin typeface="Roboto" panose="02000000000000000000" pitchFamily="2" charset="0"/>
                  <a:ea typeface="Roboto" panose="02000000000000000000" pitchFamily="2" charset="0"/>
                  <a:cs typeface="Roboto" panose="02000000000000000000" pitchFamily="2" charset="0"/>
                </a:rPr>
                <a:t>Automotive &amp; E-Commerce</a:t>
              </a:r>
            </a:p>
          </p:txBody>
        </p:sp>
        <p:sp>
          <p:nvSpPr>
            <p:cNvPr id="111" name="Rectangle 110">
              <a:extLst>
                <a:ext uri="{FF2B5EF4-FFF2-40B4-BE49-F238E27FC236}">
                  <a16:creationId xmlns:a16="http://schemas.microsoft.com/office/drawing/2014/main" id="{5EACCB51-5C9F-4D82-52C6-A010CFB8A9B8}"/>
                </a:ext>
              </a:extLst>
            </p:cNvPr>
            <p:cNvSpPr/>
            <p:nvPr/>
          </p:nvSpPr>
          <p:spPr>
            <a:xfrm rot="16200000">
              <a:off x="6611898" y="-3177726"/>
              <a:ext cx="590569" cy="9509568"/>
            </a:xfrm>
            <a:prstGeom prst="rect">
              <a:avLst/>
            </a:prstGeom>
            <a:solidFill>
              <a:schemeClr val="bg1"/>
            </a:solidFill>
            <a:ln w="3175">
              <a:solidFill>
                <a:schemeClr val="bg1">
                  <a:lumMod val="65000"/>
                </a:schemeClr>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100" b="1" i="0" u="none" strike="noStrike" kern="1200" cap="none" spc="0" normalizeH="0" baseline="0" noProof="0">
                <a:ln>
                  <a:noFill/>
                </a:ln>
                <a:solidFill>
                  <a:prstClr val="white"/>
                </a:solidFill>
                <a:effectLst/>
                <a:uLnTx/>
                <a:uFillTx/>
                <a:latin typeface="Roboto" panose="02000000000000000000" pitchFamily="2" charset="0"/>
                <a:ea typeface="Roboto" panose="02000000000000000000" pitchFamily="2" charset="0"/>
                <a:cs typeface="Roboto" panose="02000000000000000000" pitchFamily="2" charset="0"/>
              </a:endParaRPr>
            </a:p>
          </p:txBody>
        </p:sp>
      </p:grpSp>
      <p:grpSp>
        <p:nvGrpSpPr>
          <p:cNvPr id="112" name="Group 111">
            <a:extLst>
              <a:ext uri="{FF2B5EF4-FFF2-40B4-BE49-F238E27FC236}">
                <a16:creationId xmlns:a16="http://schemas.microsoft.com/office/drawing/2014/main" id="{F4E732B1-A5EC-6647-3031-08918B1749CC}"/>
              </a:ext>
            </a:extLst>
          </p:cNvPr>
          <p:cNvGrpSpPr/>
          <p:nvPr/>
        </p:nvGrpSpPr>
        <p:grpSpPr>
          <a:xfrm>
            <a:off x="571858" y="5006563"/>
            <a:ext cx="11090109" cy="590569"/>
            <a:chOff x="571858" y="1281773"/>
            <a:chExt cx="11090109" cy="590569"/>
          </a:xfrm>
        </p:grpSpPr>
        <p:sp>
          <p:nvSpPr>
            <p:cNvPr id="113" name="Rectangle 112">
              <a:extLst>
                <a:ext uri="{FF2B5EF4-FFF2-40B4-BE49-F238E27FC236}">
                  <a16:creationId xmlns:a16="http://schemas.microsoft.com/office/drawing/2014/main" id="{619F2028-CD90-9BBE-126C-101A0B849FB8}"/>
                </a:ext>
              </a:extLst>
            </p:cNvPr>
            <p:cNvSpPr/>
            <p:nvPr/>
          </p:nvSpPr>
          <p:spPr>
            <a:xfrm>
              <a:off x="571858" y="1281773"/>
              <a:ext cx="1590701" cy="590569"/>
            </a:xfrm>
            <a:prstGeom prst="rect">
              <a:avLst/>
            </a:prstGeom>
            <a:solidFill>
              <a:srgbClr val="045694"/>
            </a:solidFill>
            <a:ln w="3175">
              <a:solidFill>
                <a:srgbClr val="01597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buClr>
                  <a:srgbClr val="006699"/>
                </a:buClr>
                <a:defRPr/>
              </a:pPr>
              <a:r>
                <a:rPr lang="en-US" sz="1100" kern="0">
                  <a:solidFill>
                    <a:schemeClr val="bg1"/>
                  </a:solidFill>
                  <a:latin typeface="Roboto" panose="02000000000000000000" pitchFamily="2" charset="0"/>
                  <a:ea typeface="Roboto" panose="02000000000000000000" pitchFamily="2" charset="0"/>
                  <a:cs typeface="Roboto" panose="02000000000000000000" pitchFamily="2" charset="0"/>
                </a:rPr>
                <a:t>Gaming</a:t>
              </a:r>
            </a:p>
          </p:txBody>
        </p:sp>
        <p:sp>
          <p:nvSpPr>
            <p:cNvPr id="114" name="Rectangle 113">
              <a:extLst>
                <a:ext uri="{FF2B5EF4-FFF2-40B4-BE49-F238E27FC236}">
                  <a16:creationId xmlns:a16="http://schemas.microsoft.com/office/drawing/2014/main" id="{4B51EA32-2039-4E6D-40EA-8C46FB483607}"/>
                </a:ext>
              </a:extLst>
            </p:cNvPr>
            <p:cNvSpPr/>
            <p:nvPr/>
          </p:nvSpPr>
          <p:spPr>
            <a:xfrm rot="16200000">
              <a:off x="6611898" y="-3177726"/>
              <a:ext cx="590569" cy="9509568"/>
            </a:xfrm>
            <a:prstGeom prst="rect">
              <a:avLst/>
            </a:prstGeom>
            <a:solidFill>
              <a:schemeClr val="bg1"/>
            </a:solidFill>
            <a:ln w="3175">
              <a:solidFill>
                <a:schemeClr val="bg1">
                  <a:lumMod val="65000"/>
                </a:schemeClr>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100" b="1" i="0" u="none" strike="noStrike" kern="1200" cap="none" spc="0" normalizeH="0" baseline="0" noProof="0">
                <a:ln>
                  <a:noFill/>
                </a:ln>
                <a:solidFill>
                  <a:prstClr val="white"/>
                </a:solidFill>
                <a:effectLst/>
                <a:uLnTx/>
                <a:uFillTx/>
                <a:latin typeface="Roboto" panose="02000000000000000000" pitchFamily="2" charset="0"/>
                <a:ea typeface="Roboto" panose="02000000000000000000" pitchFamily="2" charset="0"/>
                <a:cs typeface="Roboto" panose="02000000000000000000" pitchFamily="2" charset="0"/>
              </a:endParaRPr>
            </a:p>
          </p:txBody>
        </p:sp>
      </p:grpSp>
      <p:pic>
        <p:nvPicPr>
          <p:cNvPr id="115" name="Picture 114" descr="A picture containing text, clipart&#10;&#10;Description automatically generated">
            <a:extLst>
              <a:ext uri="{FF2B5EF4-FFF2-40B4-BE49-F238E27FC236}">
                <a16:creationId xmlns:a16="http://schemas.microsoft.com/office/drawing/2014/main" id="{08530120-423A-DCBA-C91A-5EB44CCF5542}"/>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2323871" y="1393491"/>
            <a:ext cx="943095" cy="326069"/>
          </a:xfrm>
          <a:prstGeom prst="rect">
            <a:avLst/>
          </a:prstGeom>
        </p:spPr>
      </p:pic>
      <p:pic>
        <p:nvPicPr>
          <p:cNvPr id="116" name="Graphic 115">
            <a:extLst>
              <a:ext uri="{FF2B5EF4-FFF2-40B4-BE49-F238E27FC236}">
                <a16:creationId xmlns:a16="http://schemas.microsoft.com/office/drawing/2014/main" id="{CBD52D00-5164-61BB-AB0A-7C866392D441}"/>
              </a:ext>
            </a:extLst>
          </p:cNvPr>
          <p:cNvPicPr>
            <a:picLocks noChangeAspect="1"/>
          </p:cNvPicPr>
          <p:nvPr/>
        </p:nvPicPr>
        <p:blipFill>
          <a:blip r:embed="rId3" cstate="email">
            <a:extLst>
              <a:ext uri="{28A0092B-C50C-407E-A947-70E740481C1C}">
                <a14:useLocalDpi xmlns:a14="http://schemas.microsoft.com/office/drawing/2010/main"/>
              </a:ext>
              <a:ext uri="{96DAC541-7B7A-43D3-8B79-37D633B846F1}">
                <asvg:svgBlip xmlns:asvg="http://schemas.microsoft.com/office/drawing/2016/SVG/main" r:embed="rId4"/>
              </a:ext>
            </a:extLst>
          </a:blip>
          <a:stretch>
            <a:fillRect/>
          </a:stretch>
        </p:blipFill>
        <p:spPr>
          <a:xfrm>
            <a:off x="3428278" y="1286416"/>
            <a:ext cx="774233" cy="580674"/>
          </a:xfrm>
          <a:prstGeom prst="rect">
            <a:avLst/>
          </a:prstGeom>
        </p:spPr>
      </p:pic>
      <p:pic>
        <p:nvPicPr>
          <p:cNvPr id="117" name="Graphic 116">
            <a:extLst>
              <a:ext uri="{FF2B5EF4-FFF2-40B4-BE49-F238E27FC236}">
                <a16:creationId xmlns:a16="http://schemas.microsoft.com/office/drawing/2014/main" id="{693234AC-F534-9C0C-ABF0-DEA60655DBF6}"/>
              </a:ext>
            </a:extLst>
          </p:cNvPr>
          <p:cNvPicPr>
            <a:picLocks noChangeAspect="1"/>
          </p:cNvPicPr>
          <p:nvPr/>
        </p:nvPicPr>
        <p:blipFill>
          <a:blip r:embed="rId5">
            <a:extLst>
              <a:ext uri="{28A0092B-C50C-407E-A947-70E740481C1C}">
                <a14:useLocalDpi xmlns:a14="http://schemas.microsoft.com/office/drawing/2010/main"/>
              </a:ext>
              <a:ext uri="{96DAC541-7B7A-43D3-8B79-37D633B846F1}">
                <asvg:svgBlip xmlns:asvg="http://schemas.microsoft.com/office/drawing/2016/SVG/main" r:embed="rId6"/>
              </a:ext>
            </a:extLst>
          </a:blip>
          <a:stretch>
            <a:fillRect/>
          </a:stretch>
        </p:blipFill>
        <p:spPr>
          <a:xfrm>
            <a:off x="5673983" y="1350839"/>
            <a:ext cx="471488" cy="471488"/>
          </a:xfrm>
          <a:prstGeom prst="rect">
            <a:avLst/>
          </a:prstGeom>
        </p:spPr>
      </p:pic>
      <p:pic>
        <p:nvPicPr>
          <p:cNvPr id="118" name="Picture 117" descr="Logo&#10;&#10;Description automatically generated with low confidence">
            <a:extLst>
              <a:ext uri="{FF2B5EF4-FFF2-40B4-BE49-F238E27FC236}">
                <a16:creationId xmlns:a16="http://schemas.microsoft.com/office/drawing/2014/main" id="{2EA6FC3E-F2E5-EC88-1D56-F9CAEC1CFB5C}"/>
              </a:ext>
            </a:extLst>
          </p:cNvPr>
          <p:cNvPicPr>
            <a:picLocks noChangeAspect="1"/>
          </p:cNvPicPr>
          <p:nvPr/>
        </p:nvPicPr>
        <p:blipFill>
          <a:blip r:embed="rId7" cstate="email">
            <a:extLst>
              <a:ext uri="{28A0092B-C50C-407E-A947-70E740481C1C}">
                <a14:useLocalDpi xmlns:a14="http://schemas.microsoft.com/office/drawing/2010/main"/>
              </a:ext>
            </a:extLst>
          </a:blip>
          <a:stretch>
            <a:fillRect/>
          </a:stretch>
        </p:blipFill>
        <p:spPr>
          <a:xfrm>
            <a:off x="4363823" y="1485991"/>
            <a:ext cx="1125274" cy="210987"/>
          </a:xfrm>
          <a:prstGeom prst="rect">
            <a:avLst/>
          </a:prstGeom>
        </p:spPr>
      </p:pic>
      <p:pic>
        <p:nvPicPr>
          <p:cNvPr id="119" name="Picture 118" descr="Graphical user interface, application, Excel&#10;&#10;Description automatically generated">
            <a:extLst>
              <a:ext uri="{FF2B5EF4-FFF2-40B4-BE49-F238E27FC236}">
                <a16:creationId xmlns:a16="http://schemas.microsoft.com/office/drawing/2014/main" id="{8CA453FA-D07A-8CFC-20B9-750111D3068C}"/>
              </a:ext>
            </a:extLst>
          </p:cNvPr>
          <p:cNvPicPr>
            <a:picLocks noChangeAspect="1"/>
          </p:cNvPicPr>
          <p:nvPr/>
        </p:nvPicPr>
        <p:blipFill>
          <a:blip r:embed="rId8" cstate="email">
            <a:extLst>
              <a:ext uri="{28A0092B-C50C-407E-A947-70E740481C1C}">
                <a14:useLocalDpi xmlns:a14="http://schemas.microsoft.com/office/drawing/2010/main"/>
              </a:ext>
            </a:extLst>
          </a:blip>
          <a:stretch>
            <a:fillRect/>
          </a:stretch>
        </p:blipFill>
        <p:spPr>
          <a:xfrm>
            <a:off x="6330171" y="1474240"/>
            <a:ext cx="1333045" cy="258531"/>
          </a:xfrm>
          <a:prstGeom prst="rect">
            <a:avLst/>
          </a:prstGeom>
        </p:spPr>
      </p:pic>
      <p:pic>
        <p:nvPicPr>
          <p:cNvPr id="120" name="Picture 119">
            <a:extLst>
              <a:ext uri="{FF2B5EF4-FFF2-40B4-BE49-F238E27FC236}">
                <a16:creationId xmlns:a16="http://schemas.microsoft.com/office/drawing/2014/main" id="{41E3AEAB-23DC-6D7F-E55C-D9B5E30FE8C5}"/>
              </a:ext>
            </a:extLst>
          </p:cNvPr>
          <p:cNvPicPr>
            <a:picLocks noChangeAspect="1"/>
          </p:cNvPicPr>
          <p:nvPr/>
        </p:nvPicPr>
        <p:blipFill>
          <a:blip r:embed="rId9" cstate="email">
            <a:extLst>
              <a:ext uri="{28A0092B-C50C-407E-A947-70E740481C1C}">
                <a14:useLocalDpi xmlns:a14="http://schemas.microsoft.com/office/drawing/2010/main"/>
              </a:ext>
            </a:extLst>
          </a:blip>
          <a:stretch>
            <a:fillRect/>
          </a:stretch>
        </p:blipFill>
        <p:spPr>
          <a:xfrm>
            <a:off x="7886016" y="1457775"/>
            <a:ext cx="508628" cy="295714"/>
          </a:xfrm>
          <a:prstGeom prst="rect">
            <a:avLst/>
          </a:prstGeom>
        </p:spPr>
      </p:pic>
      <p:pic>
        <p:nvPicPr>
          <p:cNvPr id="121" name="Graphic 120">
            <a:extLst>
              <a:ext uri="{FF2B5EF4-FFF2-40B4-BE49-F238E27FC236}">
                <a16:creationId xmlns:a16="http://schemas.microsoft.com/office/drawing/2014/main" id="{77877B31-D083-FCDF-E23A-333482112E29}"/>
              </a:ext>
            </a:extLst>
          </p:cNvPr>
          <p:cNvPicPr>
            <a:picLocks noChangeAspect="1"/>
          </p:cNvPicPr>
          <p:nvPr/>
        </p:nvPicPr>
        <p:blipFill>
          <a:blip r:embed="rId10">
            <a:extLst>
              <a:ext uri="{28A0092B-C50C-407E-A947-70E740481C1C}">
                <a14:useLocalDpi xmlns:a14="http://schemas.microsoft.com/office/drawing/2010/main"/>
              </a:ext>
              <a:ext uri="{96DAC541-7B7A-43D3-8B79-37D633B846F1}">
                <asvg:svgBlip xmlns:asvg="http://schemas.microsoft.com/office/drawing/2016/SVG/main" r:embed="rId11"/>
              </a:ext>
            </a:extLst>
          </a:blip>
          <a:stretch>
            <a:fillRect/>
          </a:stretch>
        </p:blipFill>
        <p:spPr>
          <a:xfrm>
            <a:off x="10739940" y="1369201"/>
            <a:ext cx="659244" cy="405689"/>
          </a:xfrm>
          <a:prstGeom prst="rect">
            <a:avLst/>
          </a:prstGeom>
        </p:spPr>
      </p:pic>
      <p:pic>
        <p:nvPicPr>
          <p:cNvPr id="122" name="Graphic 121">
            <a:extLst>
              <a:ext uri="{FF2B5EF4-FFF2-40B4-BE49-F238E27FC236}">
                <a16:creationId xmlns:a16="http://schemas.microsoft.com/office/drawing/2014/main" id="{2A62416E-6245-6ABD-799C-54E6D77D9227}"/>
              </a:ext>
            </a:extLst>
          </p:cNvPr>
          <p:cNvPicPr>
            <a:picLocks noChangeAspect="1"/>
          </p:cNvPicPr>
          <p:nvPr/>
        </p:nvPicPr>
        <p:blipFill>
          <a:blip r:embed="rId12" cstate="email">
            <a:extLst>
              <a:ext uri="{28A0092B-C50C-407E-A947-70E740481C1C}">
                <a14:useLocalDpi xmlns:a14="http://schemas.microsoft.com/office/drawing/2010/main"/>
              </a:ext>
              <a:ext uri="{96DAC541-7B7A-43D3-8B79-37D633B846F1}">
                <asvg:svgBlip xmlns:asvg="http://schemas.microsoft.com/office/drawing/2016/SVG/main" r:embed="rId13"/>
              </a:ext>
            </a:extLst>
          </a:blip>
          <a:stretch>
            <a:fillRect/>
          </a:stretch>
        </p:blipFill>
        <p:spPr>
          <a:xfrm>
            <a:off x="8585645" y="1430162"/>
            <a:ext cx="888028" cy="283768"/>
          </a:xfrm>
          <a:prstGeom prst="rect">
            <a:avLst/>
          </a:prstGeom>
        </p:spPr>
      </p:pic>
      <p:pic>
        <p:nvPicPr>
          <p:cNvPr id="123" name="Graphic 122">
            <a:extLst>
              <a:ext uri="{FF2B5EF4-FFF2-40B4-BE49-F238E27FC236}">
                <a16:creationId xmlns:a16="http://schemas.microsoft.com/office/drawing/2014/main" id="{EE10B7E4-550C-F85E-9CA3-642BA80C13B7}"/>
              </a:ext>
            </a:extLst>
          </p:cNvPr>
          <p:cNvPicPr>
            <a:picLocks noChangeAspect="1"/>
          </p:cNvPicPr>
          <p:nvPr/>
        </p:nvPicPr>
        <p:blipFill>
          <a:blip r:embed="rId14" cstate="email">
            <a:extLst>
              <a:ext uri="{28A0092B-C50C-407E-A947-70E740481C1C}">
                <a14:useLocalDpi xmlns:a14="http://schemas.microsoft.com/office/drawing/2010/main"/>
              </a:ext>
              <a:ext uri="{96DAC541-7B7A-43D3-8B79-37D633B846F1}">
                <asvg:svgBlip xmlns:asvg="http://schemas.microsoft.com/office/drawing/2016/SVG/main" r:embed="rId15"/>
              </a:ext>
            </a:extLst>
          </a:blip>
          <a:stretch>
            <a:fillRect/>
          </a:stretch>
        </p:blipFill>
        <p:spPr>
          <a:xfrm>
            <a:off x="9642029" y="1526445"/>
            <a:ext cx="934768" cy="206984"/>
          </a:xfrm>
          <a:prstGeom prst="rect">
            <a:avLst/>
          </a:prstGeom>
        </p:spPr>
      </p:pic>
      <p:pic>
        <p:nvPicPr>
          <p:cNvPr id="124" name="Graphic 123">
            <a:extLst>
              <a:ext uri="{FF2B5EF4-FFF2-40B4-BE49-F238E27FC236}">
                <a16:creationId xmlns:a16="http://schemas.microsoft.com/office/drawing/2014/main" id="{768FBB0E-3F8B-A89B-1AE1-D5D3AE549343}"/>
              </a:ext>
            </a:extLst>
          </p:cNvPr>
          <p:cNvPicPr>
            <a:picLocks noChangeAspect="1"/>
          </p:cNvPicPr>
          <p:nvPr/>
        </p:nvPicPr>
        <p:blipFill>
          <a:blip r:embed="rId16" cstate="email">
            <a:extLst>
              <a:ext uri="{28A0092B-C50C-407E-A947-70E740481C1C}">
                <a14:useLocalDpi xmlns:a14="http://schemas.microsoft.com/office/drawing/2010/main"/>
              </a:ext>
              <a:ext uri="{96DAC541-7B7A-43D3-8B79-37D633B846F1}">
                <asvg:svgBlip xmlns:asvg="http://schemas.microsoft.com/office/drawing/2016/SVG/main" r:embed="rId17"/>
              </a:ext>
            </a:extLst>
          </a:blip>
          <a:stretch>
            <a:fillRect/>
          </a:stretch>
        </p:blipFill>
        <p:spPr>
          <a:xfrm>
            <a:off x="5088620" y="2130353"/>
            <a:ext cx="848013" cy="406017"/>
          </a:xfrm>
          <a:prstGeom prst="rect">
            <a:avLst/>
          </a:prstGeom>
        </p:spPr>
      </p:pic>
      <p:pic>
        <p:nvPicPr>
          <p:cNvPr id="125" name="Picture 124" descr="A picture containing plant, flower&#10;&#10;Description automatically generated">
            <a:extLst>
              <a:ext uri="{FF2B5EF4-FFF2-40B4-BE49-F238E27FC236}">
                <a16:creationId xmlns:a16="http://schemas.microsoft.com/office/drawing/2014/main" id="{53D3CB00-06DC-B891-3824-5D1575A7A5A5}"/>
              </a:ext>
            </a:extLst>
          </p:cNvPr>
          <p:cNvPicPr>
            <a:picLocks noChangeAspect="1"/>
          </p:cNvPicPr>
          <p:nvPr/>
        </p:nvPicPr>
        <p:blipFill>
          <a:blip r:embed="rId18" cstate="email">
            <a:extLst>
              <a:ext uri="{28A0092B-C50C-407E-A947-70E740481C1C}">
                <a14:useLocalDpi xmlns:a14="http://schemas.microsoft.com/office/drawing/2010/main"/>
              </a:ext>
            </a:extLst>
          </a:blip>
          <a:stretch>
            <a:fillRect/>
          </a:stretch>
        </p:blipFill>
        <p:spPr>
          <a:xfrm>
            <a:off x="2304693" y="2113294"/>
            <a:ext cx="910487" cy="377990"/>
          </a:xfrm>
          <a:prstGeom prst="rect">
            <a:avLst/>
          </a:prstGeom>
        </p:spPr>
      </p:pic>
      <p:pic>
        <p:nvPicPr>
          <p:cNvPr id="126" name="Picture 125" descr="Logo&#10;&#10;Description automatically generated">
            <a:extLst>
              <a:ext uri="{FF2B5EF4-FFF2-40B4-BE49-F238E27FC236}">
                <a16:creationId xmlns:a16="http://schemas.microsoft.com/office/drawing/2014/main" id="{D2430E3F-BC65-5AAC-C32E-57CC1791D8D1}"/>
              </a:ext>
            </a:extLst>
          </p:cNvPr>
          <p:cNvPicPr>
            <a:picLocks noChangeAspect="1"/>
          </p:cNvPicPr>
          <p:nvPr/>
        </p:nvPicPr>
        <p:blipFill>
          <a:blip r:embed="rId19" cstate="email">
            <a:extLst>
              <a:ext uri="{28A0092B-C50C-407E-A947-70E740481C1C}">
                <a14:useLocalDpi xmlns:a14="http://schemas.microsoft.com/office/drawing/2010/main"/>
              </a:ext>
            </a:extLst>
          </a:blip>
          <a:stretch>
            <a:fillRect/>
          </a:stretch>
        </p:blipFill>
        <p:spPr>
          <a:xfrm>
            <a:off x="6169864" y="2078661"/>
            <a:ext cx="508486" cy="515327"/>
          </a:xfrm>
          <a:prstGeom prst="rect">
            <a:avLst/>
          </a:prstGeom>
        </p:spPr>
      </p:pic>
      <p:pic>
        <p:nvPicPr>
          <p:cNvPr id="127" name="Picture 126">
            <a:extLst>
              <a:ext uri="{FF2B5EF4-FFF2-40B4-BE49-F238E27FC236}">
                <a16:creationId xmlns:a16="http://schemas.microsoft.com/office/drawing/2014/main" id="{8BAA5654-8AA6-398E-6022-5B627094745A}"/>
              </a:ext>
            </a:extLst>
          </p:cNvPr>
          <p:cNvPicPr>
            <a:picLocks noChangeAspect="1"/>
          </p:cNvPicPr>
          <p:nvPr/>
        </p:nvPicPr>
        <p:blipFill>
          <a:blip r:embed="rId20" cstate="email">
            <a:extLst>
              <a:ext uri="{28A0092B-C50C-407E-A947-70E740481C1C}">
                <a14:useLocalDpi xmlns:a14="http://schemas.microsoft.com/office/drawing/2010/main"/>
              </a:ext>
            </a:extLst>
          </a:blip>
          <a:stretch>
            <a:fillRect/>
          </a:stretch>
        </p:blipFill>
        <p:spPr>
          <a:xfrm>
            <a:off x="7554717" y="2194402"/>
            <a:ext cx="768577" cy="246785"/>
          </a:xfrm>
          <a:prstGeom prst="rect">
            <a:avLst/>
          </a:prstGeom>
        </p:spPr>
      </p:pic>
      <p:pic>
        <p:nvPicPr>
          <p:cNvPr id="128" name="Picture 127">
            <a:extLst>
              <a:ext uri="{FF2B5EF4-FFF2-40B4-BE49-F238E27FC236}">
                <a16:creationId xmlns:a16="http://schemas.microsoft.com/office/drawing/2014/main" id="{1E566E8F-D3F7-5EFE-06FB-E551546E9208}"/>
              </a:ext>
            </a:extLst>
          </p:cNvPr>
          <p:cNvPicPr>
            <a:picLocks noChangeAspect="1"/>
          </p:cNvPicPr>
          <p:nvPr/>
        </p:nvPicPr>
        <p:blipFill rotWithShape="1">
          <a:blip r:embed="rId21" cstate="email">
            <a:extLst>
              <a:ext uri="{28A0092B-C50C-407E-A947-70E740481C1C}">
                <a14:useLocalDpi xmlns:a14="http://schemas.microsoft.com/office/drawing/2010/main"/>
              </a:ext>
            </a:extLst>
          </a:blip>
          <a:srcRect/>
          <a:stretch/>
        </p:blipFill>
        <p:spPr>
          <a:xfrm>
            <a:off x="8556525" y="2228737"/>
            <a:ext cx="765888" cy="220978"/>
          </a:xfrm>
          <a:prstGeom prst="rect">
            <a:avLst/>
          </a:prstGeom>
        </p:spPr>
      </p:pic>
      <p:pic>
        <p:nvPicPr>
          <p:cNvPr id="129" name="Picture 128" descr="Logo&#10;&#10;Description automatically generated">
            <a:extLst>
              <a:ext uri="{FF2B5EF4-FFF2-40B4-BE49-F238E27FC236}">
                <a16:creationId xmlns:a16="http://schemas.microsoft.com/office/drawing/2014/main" id="{A78AFEE5-03F9-5F36-3CA2-1E7820534A5C}"/>
              </a:ext>
            </a:extLst>
          </p:cNvPr>
          <p:cNvPicPr>
            <a:picLocks noChangeAspect="1"/>
          </p:cNvPicPr>
          <p:nvPr/>
        </p:nvPicPr>
        <p:blipFill rotWithShape="1">
          <a:blip r:embed="rId22" cstate="email">
            <a:extLst>
              <a:ext uri="{28A0092B-C50C-407E-A947-70E740481C1C}">
                <a14:useLocalDpi xmlns:a14="http://schemas.microsoft.com/office/drawing/2010/main"/>
              </a:ext>
            </a:extLst>
          </a:blip>
          <a:srcRect/>
          <a:stretch/>
        </p:blipFill>
        <p:spPr>
          <a:xfrm>
            <a:off x="10487579" y="2203044"/>
            <a:ext cx="1076383" cy="245823"/>
          </a:xfrm>
          <a:prstGeom prst="rect">
            <a:avLst/>
          </a:prstGeom>
        </p:spPr>
      </p:pic>
      <p:pic>
        <p:nvPicPr>
          <p:cNvPr id="130" name="Picture 129" descr="Shape&#10;&#10;Description automatically generated with medium confidence">
            <a:extLst>
              <a:ext uri="{FF2B5EF4-FFF2-40B4-BE49-F238E27FC236}">
                <a16:creationId xmlns:a16="http://schemas.microsoft.com/office/drawing/2014/main" id="{A958EE3E-961D-58BA-B6A6-794E73AE614F}"/>
              </a:ext>
            </a:extLst>
          </p:cNvPr>
          <p:cNvPicPr>
            <a:picLocks noChangeAspect="1"/>
          </p:cNvPicPr>
          <p:nvPr/>
        </p:nvPicPr>
        <p:blipFill>
          <a:blip r:embed="rId23" cstate="email">
            <a:extLst>
              <a:ext uri="{28A0092B-C50C-407E-A947-70E740481C1C}">
                <a14:useLocalDpi xmlns:a14="http://schemas.microsoft.com/office/drawing/2010/main"/>
              </a:ext>
            </a:extLst>
          </a:blip>
          <a:stretch>
            <a:fillRect/>
          </a:stretch>
        </p:blipFill>
        <p:spPr>
          <a:xfrm>
            <a:off x="9555644" y="2259595"/>
            <a:ext cx="698706" cy="142470"/>
          </a:xfrm>
          <a:prstGeom prst="rect">
            <a:avLst/>
          </a:prstGeom>
        </p:spPr>
      </p:pic>
      <p:pic>
        <p:nvPicPr>
          <p:cNvPr id="131" name="Graphic 130">
            <a:extLst>
              <a:ext uri="{FF2B5EF4-FFF2-40B4-BE49-F238E27FC236}">
                <a16:creationId xmlns:a16="http://schemas.microsoft.com/office/drawing/2014/main" id="{69A3C249-F8B8-95BE-DA7D-6625660173F1}"/>
              </a:ext>
            </a:extLst>
          </p:cNvPr>
          <p:cNvPicPr>
            <a:picLocks noChangeAspect="1"/>
          </p:cNvPicPr>
          <p:nvPr/>
        </p:nvPicPr>
        <p:blipFill>
          <a:blip r:embed="rId24">
            <a:extLst>
              <a:ext uri="{28A0092B-C50C-407E-A947-70E740481C1C}">
                <a14:useLocalDpi xmlns:a14="http://schemas.microsoft.com/office/drawing/2010/main" val="0"/>
              </a:ext>
              <a:ext uri="{96DAC541-7B7A-43D3-8B79-37D633B846F1}">
                <asvg:svgBlip xmlns:asvg="http://schemas.microsoft.com/office/drawing/2016/SVG/main" r:embed="rId25"/>
              </a:ext>
            </a:extLst>
          </a:blip>
          <a:stretch>
            <a:fillRect/>
          </a:stretch>
        </p:blipFill>
        <p:spPr>
          <a:xfrm>
            <a:off x="3448411" y="2161001"/>
            <a:ext cx="322032" cy="322032"/>
          </a:xfrm>
          <a:prstGeom prst="rect">
            <a:avLst/>
          </a:prstGeom>
        </p:spPr>
      </p:pic>
      <p:pic>
        <p:nvPicPr>
          <p:cNvPr id="132" name="Picture 131">
            <a:extLst>
              <a:ext uri="{FF2B5EF4-FFF2-40B4-BE49-F238E27FC236}">
                <a16:creationId xmlns:a16="http://schemas.microsoft.com/office/drawing/2014/main" id="{E01756A3-F62F-C7C3-E980-CC810B161754}"/>
              </a:ext>
            </a:extLst>
          </p:cNvPr>
          <p:cNvPicPr>
            <a:picLocks noChangeAspect="1"/>
          </p:cNvPicPr>
          <p:nvPr/>
        </p:nvPicPr>
        <p:blipFill>
          <a:blip r:embed="rId26"/>
          <a:stretch>
            <a:fillRect/>
          </a:stretch>
        </p:blipFill>
        <p:spPr>
          <a:xfrm>
            <a:off x="4003674" y="2167782"/>
            <a:ext cx="851715" cy="329235"/>
          </a:xfrm>
          <a:prstGeom prst="rect">
            <a:avLst/>
          </a:prstGeom>
        </p:spPr>
      </p:pic>
      <p:grpSp>
        <p:nvGrpSpPr>
          <p:cNvPr id="133" name="Graphic 47">
            <a:extLst>
              <a:ext uri="{FF2B5EF4-FFF2-40B4-BE49-F238E27FC236}">
                <a16:creationId xmlns:a16="http://schemas.microsoft.com/office/drawing/2014/main" id="{89B0E315-27DD-81A0-44B1-6B135E9E6FBD}"/>
              </a:ext>
            </a:extLst>
          </p:cNvPr>
          <p:cNvGrpSpPr/>
          <p:nvPr/>
        </p:nvGrpSpPr>
        <p:grpSpPr>
          <a:xfrm>
            <a:off x="6911581" y="2115473"/>
            <a:ext cx="409905" cy="413082"/>
            <a:chOff x="4395029" y="1719262"/>
            <a:chExt cx="3393171" cy="3419474"/>
          </a:xfrm>
          <a:solidFill>
            <a:srgbClr val="3D85C6"/>
          </a:solidFill>
        </p:grpSpPr>
        <p:grpSp>
          <p:nvGrpSpPr>
            <p:cNvPr id="134" name="Graphic 47">
              <a:extLst>
                <a:ext uri="{FF2B5EF4-FFF2-40B4-BE49-F238E27FC236}">
                  <a16:creationId xmlns:a16="http://schemas.microsoft.com/office/drawing/2014/main" id="{C5EF4EB5-15E4-58A0-FA21-40D6912C5ABD}"/>
                </a:ext>
              </a:extLst>
            </p:cNvPr>
            <p:cNvGrpSpPr/>
            <p:nvPr/>
          </p:nvGrpSpPr>
          <p:grpSpPr>
            <a:xfrm>
              <a:off x="4395029" y="4217378"/>
              <a:ext cx="3393171" cy="921358"/>
              <a:chOff x="4395029" y="4217378"/>
              <a:chExt cx="3393171" cy="921358"/>
            </a:xfrm>
            <a:solidFill>
              <a:srgbClr val="3D85C6"/>
            </a:solidFill>
          </p:grpSpPr>
          <p:sp>
            <p:nvSpPr>
              <p:cNvPr id="139" name="Freeform: Shape 138">
                <a:extLst>
                  <a:ext uri="{FF2B5EF4-FFF2-40B4-BE49-F238E27FC236}">
                    <a16:creationId xmlns:a16="http://schemas.microsoft.com/office/drawing/2014/main" id="{072731E6-6E2B-A9BB-6D97-C50B44A9775F}"/>
                  </a:ext>
                </a:extLst>
              </p:cNvPr>
              <p:cNvSpPr/>
              <p:nvPr/>
            </p:nvSpPr>
            <p:spPr>
              <a:xfrm>
                <a:off x="4395029" y="4217378"/>
                <a:ext cx="824181" cy="921358"/>
              </a:xfrm>
              <a:custGeom>
                <a:avLst/>
                <a:gdLst>
                  <a:gd name="connsiteX0" fmla="*/ 0 w 824181"/>
                  <a:gd name="connsiteY0" fmla="*/ 0 h 921358"/>
                  <a:gd name="connsiteX1" fmla="*/ 0 w 824181"/>
                  <a:gd name="connsiteY1" fmla="*/ 265959 h 921358"/>
                  <a:gd name="connsiteX2" fmla="*/ 245501 w 824181"/>
                  <a:gd name="connsiteY2" fmla="*/ 265959 h 921358"/>
                  <a:gd name="connsiteX3" fmla="*/ 245501 w 824181"/>
                  <a:gd name="connsiteY3" fmla="*/ 921359 h 921358"/>
                  <a:gd name="connsiteX4" fmla="*/ 587448 w 824181"/>
                  <a:gd name="connsiteY4" fmla="*/ 921359 h 921358"/>
                  <a:gd name="connsiteX5" fmla="*/ 587448 w 824181"/>
                  <a:gd name="connsiteY5" fmla="*/ 265959 h 921358"/>
                  <a:gd name="connsiteX6" fmla="*/ 824181 w 824181"/>
                  <a:gd name="connsiteY6" fmla="*/ 265959 h 921358"/>
                  <a:gd name="connsiteX7" fmla="*/ 824181 w 824181"/>
                  <a:gd name="connsiteY7" fmla="*/ 0 h 92135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824181" h="921358">
                    <a:moveTo>
                      <a:pt x="0" y="0"/>
                    </a:moveTo>
                    <a:lnTo>
                      <a:pt x="0" y="265959"/>
                    </a:lnTo>
                    <a:lnTo>
                      <a:pt x="245501" y="265959"/>
                    </a:lnTo>
                    <a:lnTo>
                      <a:pt x="245501" y="921359"/>
                    </a:lnTo>
                    <a:lnTo>
                      <a:pt x="587448" y="921359"/>
                    </a:lnTo>
                    <a:lnTo>
                      <a:pt x="587448" y="265959"/>
                    </a:lnTo>
                    <a:lnTo>
                      <a:pt x="824181" y="265959"/>
                    </a:lnTo>
                    <a:lnTo>
                      <a:pt x="824181" y="0"/>
                    </a:lnTo>
                    <a:close/>
                  </a:path>
                </a:pathLst>
              </a:custGeom>
              <a:solidFill>
                <a:srgbClr val="3D85C6"/>
              </a:solidFill>
              <a:ln w="87679" cap="flat">
                <a:noFill/>
                <a:prstDash val="solid"/>
                <a:miter/>
              </a:ln>
            </p:spPr>
            <p:txBody>
              <a:bodyPr rtlCol="0" anchor="ctr"/>
              <a:lstStyle/>
              <a:p>
                <a:endParaRPr lang="en-IN"/>
              </a:p>
            </p:txBody>
          </p:sp>
          <p:sp>
            <p:nvSpPr>
              <p:cNvPr id="140" name="Freeform: Shape 139">
                <a:extLst>
                  <a:ext uri="{FF2B5EF4-FFF2-40B4-BE49-F238E27FC236}">
                    <a16:creationId xmlns:a16="http://schemas.microsoft.com/office/drawing/2014/main" id="{38B186EF-A8AE-503A-1F24-164E212E49BC}"/>
                  </a:ext>
                </a:extLst>
              </p:cNvPr>
              <p:cNvSpPr/>
              <p:nvPr/>
            </p:nvSpPr>
            <p:spPr>
              <a:xfrm>
                <a:off x="6043392" y="4217378"/>
                <a:ext cx="824181" cy="921358"/>
              </a:xfrm>
              <a:custGeom>
                <a:avLst/>
                <a:gdLst>
                  <a:gd name="connsiteX0" fmla="*/ 0 w 824181"/>
                  <a:gd name="connsiteY0" fmla="*/ 0 h 921358"/>
                  <a:gd name="connsiteX1" fmla="*/ 0 w 824181"/>
                  <a:gd name="connsiteY1" fmla="*/ 265959 h 921358"/>
                  <a:gd name="connsiteX2" fmla="*/ 245501 w 824181"/>
                  <a:gd name="connsiteY2" fmla="*/ 265959 h 921358"/>
                  <a:gd name="connsiteX3" fmla="*/ 245501 w 824181"/>
                  <a:gd name="connsiteY3" fmla="*/ 921359 h 921358"/>
                  <a:gd name="connsiteX4" fmla="*/ 587448 w 824181"/>
                  <a:gd name="connsiteY4" fmla="*/ 921359 h 921358"/>
                  <a:gd name="connsiteX5" fmla="*/ 587448 w 824181"/>
                  <a:gd name="connsiteY5" fmla="*/ 265959 h 921358"/>
                  <a:gd name="connsiteX6" fmla="*/ 824181 w 824181"/>
                  <a:gd name="connsiteY6" fmla="*/ 265959 h 921358"/>
                  <a:gd name="connsiteX7" fmla="*/ 824181 w 824181"/>
                  <a:gd name="connsiteY7" fmla="*/ 0 h 92135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824181" h="921358">
                    <a:moveTo>
                      <a:pt x="0" y="0"/>
                    </a:moveTo>
                    <a:lnTo>
                      <a:pt x="0" y="265959"/>
                    </a:lnTo>
                    <a:lnTo>
                      <a:pt x="245501" y="265959"/>
                    </a:lnTo>
                    <a:lnTo>
                      <a:pt x="245501" y="921359"/>
                    </a:lnTo>
                    <a:lnTo>
                      <a:pt x="587448" y="921359"/>
                    </a:lnTo>
                    <a:lnTo>
                      <a:pt x="587448" y="265959"/>
                    </a:lnTo>
                    <a:lnTo>
                      <a:pt x="824181" y="265959"/>
                    </a:lnTo>
                    <a:lnTo>
                      <a:pt x="824181" y="0"/>
                    </a:lnTo>
                    <a:close/>
                  </a:path>
                </a:pathLst>
              </a:custGeom>
              <a:solidFill>
                <a:srgbClr val="3D85C6"/>
              </a:solidFill>
              <a:ln w="87679" cap="flat">
                <a:noFill/>
                <a:prstDash val="solid"/>
                <a:miter/>
              </a:ln>
            </p:spPr>
            <p:txBody>
              <a:bodyPr rtlCol="0" anchor="ctr"/>
              <a:lstStyle/>
              <a:p>
                <a:endParaRPr lang="en-IN"/>
              </a:p>
            </p:txBody>
          </p:sp>
          <p:sp>
            <p:nvSpPr>
              <p:cNvPr id="141" name="Freeform: Shape 140">
                <a:extLst>
                  <a:ext uri="{FF2B5EF4-FFF2-40B4-BE49-F238E27FC236}">
                    <a16:creationId xmlns:a16="http://schemas.microsoft.com/office/drawing/2014/main" id="{420F77F7-8804-212F-71F7-FDBBD678FCF5}"/>
                  </a:ext>
                </a:extLst>
              </p:cNvPr>
              <p:cNvSpPr/>
              <p:nvPr/>
            </p:nvSpPr>
            <p:spPr>
              <a:xfrm>
                <a:off x="5140300" y="4217378"/>
                <a:ext cx="999538" cy="921358"/>
              </a:xfrm>
              <a:custGeom>
                <a:avLst/>
                <a:gdLst>
                  <a:gd name="connsiteX0" fmla="*/ 315644 w 999538"/>
                  <a:gd name="connsiteY0" fmla="*/ 0 h 921358"/>
                  <a:gd name="connsiteX1" fmla="*/ 0 w 999538"/>
                  <a:gd name="connsiteY1" fmla="*/ 921359 h 921358"/>
                  <a:gd name="connsiteX2" fmla="*/ 324412 w 999538"/>
                  <a:gd name="connsiteY2" fmla="*/ 921359 h 921358"/>
                  <a:gd name="connsiteX3" fmla="*/ 491002 w 999538"/>
                  <a:gd name="connsiteY3" fmla="*/ 360945 h 921358"/>
                  <a:gd name="connsiteX4" fmla="*/ 666359 w 999538"/>
                  <a:gd name="connsiteY4" fmla="*/ 921359 h 921358"/>
                  <a:gd name="connsiteX5" fmla="*/ 999539 w 999538"/>
                  <a:gd name="connsiteY5" fmla="*/ 921359 h 921358"/>
                  <a:gd name="connsiteX6" fmla="*/ 675127 w 999538"/>
                  <a:gd name="connsiteY6" fmla="*/ 0 h 92135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999538" h="921358">
                    <a:moveTo>
                      <a:pt x="315644" y="0"/>
                    </a:moveTo>
                    <a:lnTo>
                      <a:pt x="0" y="921359"/>
                    </a:lnTo>
                    <a:lnTo>
                      <a:pt x="324412" y="921359"/>
                    </a:lnTo>
                    <a:lnTo>
                      <a:pt x="491002" y="360945"/>
                    </a:lnTo>
                    <a:lnTo>
                      <a:pt x="666359" y="921359"/>
                    </a:lnTo>
                    <a:lnTo>
                      <a:pt x="999539" y="921359"/>
                    </a:lnTo>
                    <a:lnTo>
                      <a:pt x="675127" y="0"/>
                    </a:lnTo>
                    <a:close/>
                  </a:path>
                </a:pathLst>
              </a:custGeom>
              <a:solidFill>
                <a:srgbClr val="3D85C6"/>
              </a:solidFill>
              <a:ln w="87679" cap="flat">
                <a:noFill/>
                <a:prstDash val="solid"/>
                <a:miter/>
              </a:ln>
            </p:spPr>
            <p:txBody>
              <a:bodyPr rtlCol="0" anchor="ctr"/>
              <a:lstStyle/>
              <a:p>
                <a:endParaRPr lang="en-IN"/>
              </a:p>
            </p:txBody>
          </p:sp>
          <p:sp>
            <p:nvSpPr>
              <p:cNvPr id="142" name="Freeform: Shape 141">
                <a:extLst>
                  <a:ext uri="{FF2B5EF4-FFF2-40B4-BE49-F238E27FC236}">
                    <a16:creationId xmlns:a16="http://schemas.microsoft.com/office/drawing/2014/main" id="{A565389C-EE9F-763C-B01D-2F75C4ECAAA8}"/>
                  </a:ext>
                </a:extLst>
              </p:cNvPr>
              <p:cNvSpPr/>
              <p:nvPr/>
            </p:nvSpPr>
            <p:spPr>
              <a:xfrm>
                <a:off x="6788662" y="4217378"/>
                <a:ext cx="999538" cy="921358"/>
              </a:xfrm>
              <a:custGeom>
                <a:avLst/>
                <a:gdLst>
                  <a:gd name="connsiteX0" fmla="*/ 315644 w 999538"/>
                  <a:gd name="connsiteY0" fmla="*/ 0 h 921358"/>
                  <a:gd name="connsiteX1" fmla="*/ 0 w 999538"/>
                  <a:gd name="connsiteY1" fmla="*/ 921359 h 921358"/>
                  <a:gd name="connsiteX2" fmla="*/ 324412 w 999538"/>
                  <a:gd name="connsiteY2" fmla="*/ 921359 h 921358"/>
                  <a:gd name="connsiteX3" fmla="*/ 499769 w 999538"/>
                  <a:gd name="connsiteY3" fmla="*/ 360945 h 921358"/>
                  <a:gd name="connsiteX4" fmla="*/ 666359 w 999538"/>
                  <a:gd name="connsiteY4" fmla="*/ 921359 h 921358"/>
                  <a:gd name="connsiteX5" fmla="*/ 999539 w 999538"/>
                  <a:gd name="connsiteY5" fmla="*/ 921359 h 921358"/>
                  <a:gd name="connsiteX6" fmla="*/ 666359 w 999538"/>
                  <a:gd name="connsiteY6" fmla="*/ 0 h 92135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999538" h="921358">
                    <a:moveTo>
                      <a:pt x="315644" y="0"/>
                    </a:moveTo>
                    <a:lnTo>
                      <a:pt x="0" y="921359"/>
                    </a:lnTo>
                    <a:lnTo>
                      <a:pt x="324412" y="921359"/>
                    </a:lnTo>
                    <a:lnTo>
                      <a:pt x="499769" y="360945"/>
                    </a:lnTo>
                    <a:lnTo>
                      <a:pt x="666359" y="921359"/>
                    </a:lnTo>
                    <a:lnTo>
                      <a:pt x="999539" y="921359"/>
                    </a:lnTo>
                    <a:lnTo>
                      <a:pt x="666359" y="0"/>
                    </a:lnTo>
                    <a:close/>
                  </a:path>
                </a:pathLst>
              </a:custGeom>
              <a:solidFill>
                <a:srgbClr val="3D85C6"/>
              </a:solidFill>
              <a:ln w="87679" cap="flat">
                <a:noFill/>
                <a:prstDash val="solid"/>
                <a:miter/>
              </a:ln>
            </p:spPr>
            <p:txBody>
              <a:bodyPr rtlCol="0" anchor="ctr"/>
              <a:lstStyle/>
              <a:p>
                <a:endParaRPr lang="en-IN"/>
              </a:p>
            </p:txBody>
          </p:sp>
        </p:grpSp>
        <p:grpSp>
          <p:nvGrpSpPr>
            <p:cNvPr id="135" name="Graphic 47">
              <a:extLst>
                <a:ext uri="{FF2B5EF4-FFF2-40B4-BE49-F238E27FC236}">
                  <a16:creationId xmlns:a16="http://schemas.microsoft.com/office/drawing/2014/main" id="{05ABA6A9-41DB-6AA4-2667-794D366D9D72}"/>
                </a:ext>
              </a:extLst>
            </p:cNvPr>
            <p:cNvGrpSpPr/>
            <p:nvPr/>
          </p:nvGrpSpPr>
          <p:grpSpPr>
            <a:xfrm>
              <a:off x="4807120" y="1719262"/>
              <a:ext cx="2560222" cy="1852215"/>
              <a:chOff x="4807120" y="1719262"/>
              <a:chExt cx="2560222" cy="1852215"/>
            </a:xfrm>
            <a:solidFill>
              <a:srgbClr val="3D85C6"/>
            </a:solidFill>
          </p:grpSpPr>
          <p:sp>
            <p:nvSpPr>
              <p:cNvPr id="136" name="Freeform: Shape 135">
                <a:extLst>
                  <a:ext uri="{FF2B5EF4-FFF2-40B4-BE49-F238E27FC236}">
                    <a16:creationId xmlns:a16="http://schemas.microsoft.com/office/drawing/2014/main" id="{2932014E-497C-0B6F-6FC9-8A0713E4A7C3}"/>
                  </a:ext>
                </a:extLst>
              </p:cNvPr>
              <p:cNvSpPr/>
              <p:nvPr/>
            </p:nvSpPr>
            <p:spPr>
              <a:xfrm>
                <a:off x="4807120" y="2361652"/>
                <a:ext cx="1048150" cy="1162332"/>
              </a:xfrm>
              <a:custGeom>
                <a:avLst/>
                <a:gdLst>
                  <a:gd name="connsiteX0" fmla="*/ 868021 w 1048150"/>
                  <a:gd name="connsiteY0" fmla="*/ 1162332 h 1162332"/>
                  <a:gd name="connsiteX1" fmla="*/ 0 w 1048150"/>
                  <a:gd name="connsiteY1" fmla="*/ 278968 h 1162332"/>
                  <a:gd name="connsiteX2" fmla="*/ 17536 w 1048150"/>
                  <a:gd name="connsiteY2" fmla="*/ 126991 h 1162332"/>
                  <a:gd name="connsiteX3" fmla="*/ 1025843 w 1048150"/>
                  <a:gd name="connsiteY3" fmla="*/ 32006 h 1162332"/>
                  <a:gd name="connsiteX4" fmla="*/ 868021 w 1048150"/>
                  <a:gd name="connsiteY4" fmla="*/ 1162332 h 1162332"/>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048150" h="1162332">
                    <a:moveTo>
                      <a:pt x="868021" y="1162332"/>
                    </a:moveTo>
                    <a:cubicBezTo>
                      <a:pt x="368251" y="1029353"/>
                      <a:pt x="0" y="687405"/>
                      <a:pt x="0" y="278968"/>
                    </a:cubicBezTo>
                    <a:cubicBezTo>
                      <a:pt x="0" y="231475"/>
                      <a:pt x="8768" y="174484"/>
                      <a:pt x="17536" y="126991"/>
                    </a:cubicBezTo>
                    <a:cubicBezTo>
                      <a:pt x="263037" y="51003"/>
                      <a:pt x="903092" y="-53481"/>
                      <a:pt x="1025843" y="32006"/>
                    </a:cubicBezTo>
                    <a:cubicBezTo>
                      <a:pt x="1104753" y="88997"/>
                      <a:pt x="955699" y="753895"/>
                      <a:pt x="868021" y="1162332"/>
                    </a:cubicBezTo>
                  </a:path>
                </a:pathLst>
              </a:custGeom>
              <a:solidFill>
                <a:srgbClr val="3D85C6"/>
              </a:solidFill>
              <a:ln w="87679" cap="flat">
                <a:noFill/>
                <a:prstDash val="solid"/>
                <a:miter/>
              </a:ln>
            </p:spPr>
            <p:txBody>
              <a:bodyPr rtlCol="0" anchor="ctr"/>
              <a:lstStyle/>
              <a:p>
                <a:endParaRPr lang="en-IN"/>
              </a:p>
            </p:txBody>
          </p:sp>
          <p:sp>
            <p:nvSpPr>
              <p:cNvPr id="137" name="Freeform: Shape 136">
                <a:extLst>
                  <a:ext uri="{FF2B5EF4-FFF2-40B4-BE49-F238E27FC236}">
                    <a16:creationId xmlns:a16="http://schemas.microsoft.com/office/drawing/2014/main" id="{D52F360C-ED95-6145-8748-BE13E639F14C}"/>
                  </a:ext>
                </a:extLst>
              </p:cNvPr>
              <p:cNvSpPr/>
              <p:nvPr/>
            </p:nvSpPr>
            <p:spPr>
              <a:xfrm>
                <a:off x="6319192" y="2371151"/>
                <a:ext cx="1048150" cy="1152833"/>
              </a:xfrm>
              <a:custGeom>
                <a:avLst/>
                <a:gdLst>
                  <a:gd name="connsiteX0" fmla="*/ 1030614 w 1048150"/>
                  <a:gd name="connsiteY0" fmla="*/ 126991 h 1152833"/>
                  <a:gd name="connsiteX1" fmla="*/ 1048150 w 1048150"/>
                  <a:gd name="connsiteY1" fmla="*/ 278968 h 1152833"/>
                  <a:gd name="connsiteX2" fmla="*/ 180130 w 1048150"/>
                  <a:gd name="connsiteY2" fmla="*/ 1152834 h 1152833"/>
                  <a:gd name="connsiteX3" fmla="*/ 22308 w 1048150"/>
                  <a:gd name="connsiteY3" fmla="*/ 32006 h 1152833"/>
                  <a:gd name="connsiteX4" fmla="*/ 1030614 w 1048150"/>
                  <a:gd name="connsiteY4" fmla="*/ 126991 h 1152833"/>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048150" h="1152833">
                    <a:moveTo>
                      <a:pt x="1030614" y="126991"/>
                    </a:moveTo>
                    <a:cubicBezTo>
                      <a:pt x="1039382" y="174484"/>
                      <a:pt x="1048150" y="221976"/>
                      <a:pt x="1048150" y="278968"/>
                    </a:cubicBezTo>
                    <a:cubicBezTo>
                      <a:pt x="1048150" y="687405"/>
                      <a:pt x="679899" y="1029353"/>
                      <a:pt x="180130" y="1152834"/>
                    </a:cubicBezTo>
                    <a:cubicBezTo>
                      <a:pt x="92451" y="744396"/>
                      <a:pt x="-56603" y="79498"/>
                      <a:pt x="22308" y="32006"/>
                    </a:cubicBezTo>
                    <a:cubicBezTo>
                      <a:pt x="136290" y="-53481"/>
                      <a:pt x="785114" y="51003"/>
                      <a:pt x="1030614" y="126991"/>
                    </a:cubicBezTo>
                  </a:path>
                </a:pathLst>
              </a:custGeom>
              <a:solidFill>
                <a:srgbClr val="3D85C6"/>
              </a:solidFill>
              <a:ln w="87679" cap="flat">
                <a:noFill/>
                <a:prstDash val="solid"/>
                <a:miter/>
              </a:ln>
            </p:spPr>
            <p:txBody>
              <a:bodyPr rtlCol="0" anchor="ctr"/>
              <a:lstStyle/>
              <a:p>
                <a:endParaRPr lang="en-IN"/>
              </a:p>
            </p:txBody>
          </p:sp>
          <p:sp>
            <p:nvSpPr>
              <p:cNvPr id="138" name="Freeform: Shape 137">
                <a:extLst>
                  <a:ext uri="{FF2B5EF4-FFF2-40B4-BE49-F238E27FC236}">
                    <a16:creationId xmlns:a16="http://schemas.microsoft.com/office/drawing/2014/main" id="{86617486-7E80-07FC-2DB7-1935AEFD6662}"/>
                  </a:ext>
                </a:extLst>
              </p:cNvPr>
              <p:cNvSpPr/>
              <p:nvPr/>
            </p:nvSpPr>
            <p:spPr>
              <a:xfrm>
                <a:off x="4886031" y="1719262"/>
                <a:ext cx="2402400" cy="1852215"/>
              </a:xfrm>
              <a:custGeom>
                <a:avLst/>
                <a:gdLst>
                  <a:gd name="connsiteX0" fmla="*/ 1201200 w 2402400"/>
                  <a:gd name="connsiteY0" fmla="*/ 0 h 1852215"/>
                  <a:gd name="connsiteX1" fmla="*/ 2402400 w 2402400"/>
                  <a:gd name="connsiteY1" fmla="*/ 607907 h 1852215"/>
                  <a:gd name="connsiteX2" fmla="*/ 1253808 w 2402400"/>
                  <a:gd name="connsiteY2" fmla="*/ 531918 h 1852215"/>
                  <a:gd name="connsiteX3" fmla="*/ 1253808 w 2402400"/>
                  <a:gd name="connsiteY3" fmla="*/ 1852216 h 1852215"/>
                  <a:gd name="connsiteX4" fmla="*/ 1201200 w 2402400"/>
                  <a:gd name="connsiteY4" fmla="*/ 1852216 h 1852215"/>
                  <a:gd name="connsiteX5" fmla="*/ 1139825 w 2402400"/>
                  <a:gd name="connsiteY5" fmla="*/ 1852216 h 1852215"/>
                  <a:gd name="connsiteX6" fmla="*/ 1139825 w 2402400"/>
                  <a:gd name="connsiteY6" fmla="*/ 531918 h 1852215"/>
                  <a:gd name="connsiteX7" fmla="*/ 0 w 2402400"/>
                  <a:gd name="connsiteY7" fmla="*/ 607907 h 1852215"/>
                  <a:gd name="connsiteX8" fmla="*/ 1201200 w 2402400"/>
                  <a:gd name="connsiteY8" fmla="*/ 0 h 185221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2402400" h="1852215">
                    <a:moveTo>
                      <a:pt x="1201200" y="0"/>
                    </a:moveTo>
                    <a:cubicBezTo>
                      <a:pt x="1753577" y="0"/>
                      <a:pt x="2227043" y="256461"/>
                      <a:pt x="2402400" y="607907"/>
                    </a:cubicBezTo>
                    <a:cubicBezTo>
                      <a:pt x="2200739" y="569913"/>
                      <a:pt x="1245040" y="322950"/>
                      <a:pt x="1253808" y="531918"/>
                    </a:cubicBezTo>
                    <a:lnTo>
                      <a:pt x="1253808" y="1852216"/>
                    </a:lnTo>
                    <a:cubicBezTo>
                      <a:pt x="1236272" y="1852216"/>
                      <a:pt x="1218736" y="1852216"/>
                      <a:pt x="1201200" y="1852216"/>
                    </a:cubicBezTo>
                    <a:cubicBezTo>
                      <a:pt x="1183665" y="1852216"/>
                      <a:pt x="1166129" y="1852216"/>
                      <a:pt x="1139825" y="1852216"/>
                    </a:cubicBezTo>
                    <a:lnTo>
                      <a:pt x="1139825" y="531918"/>
                    </a:lnTo>
                    <a:cubicBezTo>
                      <a:pt x="1157361" y="322950"/>
                      <a:pt x="201661" y="579411"/>
                      <a:pt x="0" y="607907"/>
                    </a:cubicBezTo>
                    <a:cubicBezTo>
                      <a:pt x="175358" y="256461"/>
                      <a:pt x="648824" y="0"/>
                      <a:pt x="1201200" y="0"/>
                    </a:cubicBezTo>
                  </a:path>
                </a:pathLst>
              </a:custGeom>
              <a:solidFill>
                <a:srgbClr val="3D85C6"/>
              </a:solidFill>
              <a:ln w="87679" cap="flat">
                <a:noFill/>
                <a:prstDash val="solid"/>
                <a:miter/>
              </a:ln>
            </p:spPr>
            <p:txBody>
              <a:bodyPr rtlCol="0" anchor="ctr"/>
              <a:lstStyle/>
              <a:p>
                <a:endParaRPr lang="en-IN"/>
              </a:p>
            </p:txBody>
          </p:sp>
        </p:grpSp>
      </p:grpSp>
      <p:pic>
        <p:nvPicPr>
          <p:cNvPr id="143" name="Graphic 142">
            <a:extLst>
              <a:ext uri="{FF2B5EF4-FFF2-40B4-BE49-F238E27FC236}">
                <a16:creationId xmlns:a16="http://schemas.microsoft.com/office/drawing/2014/main" id="{8C05A42B-F079-8CC0-2DCA-9898AD27FB09}"/>
              </a:ext>
            </a:extLst>
          </p:cNvPr>
          <p:cNvPicPr>
            <a:picLocks noChangeAspect="1"/>
          </p:cNvPicPr>
          <p:nvPr/>
        </p:nvPicPr>
        <p:blipFill>
          <a:blip r:embed="rId27" cstate="email">
            <a:extLst>
              <a:ext uri="{28A0092B-C50C-407E-A947-70E740481C1C}">
                <a14:useLocalDpi xmlns:a14="http://schemas.microsoft.com/office/drawing/2010/main"/>
              </a:ext>
              <a:ext uri="{96DAC541-7B7A-43D3-8B79-37D633B846F1}">
                <asvg:svgBlip xmlns:asvg="http://schemas.microsoft.com/office/drawing/2016/SVG/main" r:embed="rId28"/>
              </a:ext>
            </a:extLst>
          </a:blip>
          <a:stretch>
            <a:fillRect/>
          </a:stretch>
        </p:blipFill>
        <p:spPr>
          <a:xfrm>
            <a:off x="3539517" y="3008113"/>
            <a:ext cx="724838" cy="147856"/>
          </a:xfrm>
          <a:prstGeom prst="rect">
            <a:avLst/>
          </a:prstGeom>
        </p:spPr>
      </p:pic>
      <p:pic>
        <p:nvPicPr>
          <p:cNvPr id="144" name="Picture 143" descr="Icon&#10;&#10;Description automatically generated">
            <a:extLst>
              <a:ext uri="{FF2B5EF4-FFF2-40B4-BE49-F238E27FC236}">
                <a16:creationId xmlns:a16="http://schemas.microsoft.com/office/drawing/2014/main" id="{92576C36-9067-688D-D3EF-C0897CA68E83}"/>
              </a:ext>
            </a:extLst>
          </p:cNvPr>
          <p:cNvPicPr>
            <a:picLocks noChangeAspect="1"/>
          </p:cNvPicPr>
          <p:nvPr/>
        </p:nvPicPr>
        <p:blipFill>
          <a:blip r:embed="rId29" cstate="email">
            <a:extLst>
              <a:ext uri="{28A0092B-C50C-407E-A947-70E740481C1C}">
                <a14:useLocalDpi xmlns:a14="http://schemas.microsoft.com/office/drawing/2010/main"/>
              </a:ext>
            </a:extLst>
          </a:blip>
          <a:stretch>
            <a:fillRect/>
          </a:stretch>
        </p:blipFill>
        <p:spPr>
          <a:xfrm>
            <a:off x="4479828" y="2973551"/>
            <a:ext cx="698706" cy="216981"/>
          </a:xfrm>
          <a:prstGeom prst="rect">
            <a:avLst/>
          </a:prstGeom>
        </p:spPr>
      </p:pic>
      <p:pic>
        <p:nvPicPr>
          <p:cNvPr id="145" name="Picture 144">
            <a:extLst>
              <a:ext uri="{FF2B5EF4-FFF2-40B4-BE49-F238E27FC236}">
                <a16:creationId xmlns:a16="http://schemas.microsoft.com/office/drawing/2014/main" id="{F4BA207B-0338-516D-657D-403A583269F2}"/>
              </a:ext>
            </a:extLst>
          </p:cNvPr>
          <p:cNvPicPr>
            <a:picLocks noChangeAspect="1"/>
          </p:cNvPicPr>
          <p:nvPr/>
        </p:nvPicPr>
        <p:blipFill>
          <a:blip r:embed="rId30" cstate="email">
            <a:extLst>
              <a:ext uri="{28A0092B-C50C-407E-A947-70E740481C1C}">
                <a14:useLocalDpi xmlns:a14="http://schemas.microsoft.com/office/drawing/2010/main"/>
              </a:ext>
            </a:extLst>
          </a:blip>
          <a:stretch>
            <a:fillRect/>
          </a:stretch>
        </p:blipFill>
        <p:spPr>
          <a:xfrm>
            <a:off x="5394007" y="2852189"/>
            <a:ext cx="792595" cy="459705"/>
          </a:xfrm>
          <a:prstGeom prst="rect">
            <a:avLst/>
          </a:prstGeom>
        </p:spPr>
      </p:pic>
      <p:pic>
        <p:nvPicPr>
          <p:cNvPr id="146" name="Graphic 145">
            <a:extLst>
              <a:ext uri="{FF2B5EF4-FFF2-40B4-BE49-F238E27FC236}">
                <a16:creationId xmlns:a16="http://schemas.microsoft.com/office/drawing/2014/main" id="{4C4CDAED-A3B6-3FC9-63E3-0D92A881F66B}"/>
              </a:ext>
            </a:extLst>
          </p:cNvPr>
          <p:cNvPicPr>
            <a:picLocks noChangeAspect="1"/>
          </p:cNvPicPr>
          <p:nvPr/>
        </p:nvPicPr>
        <p:blipFill>
          <a:blip r:embed="rId31" cstate="email">
            <a:extLst>
              <a:ext uri="{28A0092B-C50C-407E-A947-70E740481C1C}">
                <a14:useLocalDpi xmlns:a14="http://schemas.microsoft.com/office/drawing/2010/main"/>
              </a:ext>
              <a:ext uri="{96DAC541-7B7A-43D3-8B79-37D633B846F1}">
                <asvg:svgBlip xmlns:asvg="http://schemas.microsoft.com/office/drawing/2016/SVG/main" r:embed="rId32"/>
              </a:ext>
            </a:extLst>
          </a:blip>
          <a:stretch>
            <a:fillRect/>
          </a:stretch>
        </p:blipFill>
        <p:spPr>
          <a:xfrm>
            <a:off x="6402075" y="2923463"/>
            <a:ext cx="796000" cy="317157"/>
          </a:xfrm>
          <a:prstGeom prst="rect">
            <a:avLst/>
          </a:prstGeom>
        </p:spPr>
      </p:pic>
      <p:pic>
        <p:nvPicPr>
          <p:cNvPr id="147" name="Picture 146" descr="Logo&#10;&#10;Description automatically generated">
            <a:extLst>
              <a:ext uri="{FF2B5EF4-FFF2-40B4-BE49-F238E27FC236}">
                <a16:creationId xmlns:a16="http://schemas.microsoft.com/office/drawing/2014/main" id="{0F3F3CF3-5923-F522-0293-3E05E295C108}"/>
              </a:ext>
            </a:extLst>
          </p:cNvPr>
          <p:cNvPicPr>
            <a:picLocks noChangeAspect="1"/>
          </p:cNvPicPr>
          <p:nvPr/>
        </p:nvPicPr>
        <p:blipFill rotWithShape="1">
          <a:blip r:embed="rId33" cstate="email">
            <a:extLst>
              <a:ext uri="{28A0092B-C50C-407E-A947-70E740481C1C}">
                <a14:useLocalDpi xmlns:a14="http://schemas.microsoft.com/office/drawing/2010/main"/>
              </a:ext>
            </a:extLst>
          </a:blip>
          <a:srcRect/>
          <a:stretch/>
        </p:blipFill>
        <p:spPr>
          <a:xfrm>
            <a:off x="7413548" y="2958324"/>
            <a:ext cx="884253" cy="247434"/>
          </a:xfrm>
          <a:prstGeom prst="rect">
            <a:avLst/>
          </a:prstGeom>
        </p:spPr>
      </p:pic>
      <p:pic>
        <p:nvPicPr>
          <p:cNvPr id="148" name="Picture 147" descr="Logo&#10;&#10;Description automatically generated">
            <a:extLst>
              <a:ext uri="{FF2B5EF4-FFF2-40B4-BE49-F238E27FC236}">
                <a16:creationId xmlns:a16="http://schemas.microsoft.com/office/drawing/2014/main" id="{8987ED50-3493-F459-8A0A-057A09170827}"/>
              </a:ext>
            </a:extLst>
          </p:cNvPr>
          <p:cNvPicPr>
            <a:picLocks noChangeAspect="1"/>
          </p:cNvPicPr>
          <p:nvPr/>
        </p:nvPicPr>
        <p:blipFill>
          <a:blip r:embed="rId34" cstate="email">
            <a:extLst>
              <a:ext uri="{28A0092B-C50C-407E-A947-70E740481C1C}">
                <a14:useLocalDpi xmlns:a14="http://schemas.microsoft.com/office/drawing/2010/main"/>
              </a:ext>
            </a:extLst>
          </a:blip>
          <a:stretch>
            <a:fillRect/>
          </a:stretch>
        </p:blipFill>
        <p:spPr>
          <a:xfrm>
            <a:off x="8513274" y="2888411"/>
            <a:ext cx="801228" cy="387261"/>
          </a:xfrm>
          <a:prstGeom prst="rect">
            <a:avLst/>
          </a:prstGeom>
        </p:spPr>
      </p:pic>
      <p:pic>
        <p:nvPicPr>
          <p:cNvPr id="149" name="Graphic 148">
            <a:extLst>
              <a:ext uri="{FF2B5EF4-FFF2-40B4-BE49-F238E27FC236}">
                <a16:creationId xmlns:a16="http://schemas.microsoft.com/office/drawing/2014/main" id="{DAF0A49B-940D-6B4E-D6F9-1BFF7B56ECC7}"/>
              </a:ext>
            </a:extLst>
          </p:cNvPr>
          <p:cNvPicPr>
            <a:picLocks noChangeAspect="1"/>
          </p:cNvPicPr>
          <p:nvPr/>
        </p:nvPicPr>
        <p:blipFill>
          <a:blip r:embed="rId35" cstate="email">
            <a:extLst>
              <a:ext uri="{28A0092B-C50C-407E-A947-70E740481C1C}">
                <a14:useLocalDpi xmlns:a14="http://schemas.microsoft.com/office/drawing/2010/main"/>
              </a:ext>
              <a:ext uri="{96DAC541-7B7A-43D3-8B79-37D633B846F1}">
                <asvg:svgBlip xmlns:asvg="http://schemas.microsoft.com/office/drawing/2016/SVG/main" r:embed="rId36"/>
              </a:ext>
            </a:extLst>
          </a:blip>
          <a:stretch>
            <a:fillRect/>
          </a:stretch>
        </p:blipFill>
        <p:spPr>
          <a:xfrm>
            <a:off x="10696914" y="2859203"/>
            <a:ext cx="675770" cy="445677"/>
          </a:xfrm>
          <a:prstGeom prst="rect">
            <a:avLst/>
          </a:prstGeom>
        </p:spPr>
      </p:pic>
      <p:pic>
        <p:nvPicPr>
          <p:cNvPr id="150" name="Picture 149">
            <a:extLst>
              <a:ext uri="{FF2B5EF4-FFF2-40B4-BE49-F238E27FC236}">
                <a16:creationId xmlns:a16="http://schemas.microsoft.com/office/drawing/2014/main" id="{89A02423-A7A7-BFFE-1FCF-4330BA782A12}"/>
              </a:ext>
            </a:extLst>
          </p:cNvPr>
          <p:cNvPicPr>
            <a:picLocks noChangeAspect="1"/>
          </p:cNvPicPr>
          <p:nvPr/>
        </p:nvPicPr>
        <p:blipFill>
          <a:blip r:embed="rId37" cstate="email">
            <a:extLst>
              <a:ext uri="{28A0092B-C50C-407E-A947-70E740481C1C}">
                <a14:useLocalDpi xmlns:a14="http://schemas.microsoft.com/office/drawing/2010/main"/>
              </a:ext>
            </a:extLst>
          </a:blip>
          <a:stretch>
            <a:fillRect/>
          </a:stretch>
        </p:blipFill>
        <p:spPr>
          <a:xfrm>
            <a:off x="9529975" y="2968031"/>
            <a:ext cx="951468" cy="228021"/>
          </a:xfrm>
          <a:prstGeom prst="rect">
            <a:avLst/>
          </a:prstGeom>
        </p:spPr>
      </p:pic>
      <p:pic>
        <p:nvPicPr>
          <p:cNvPr id="151" name="Picture 150" descr="A black text on a white background&#10;&#10;Description automatically generated">
            <a:extLst>
              <a:ext uri="{FF2B5EF4-FFF2-40B4-BE49-F238E27FC236}">
                <a16:creationId xmlns:a16="http://schemas.microsoft.com/office/drawing/2014/main" id="{8F6E7725-368F-C442-0641-71F7E71BB801}"/>
              </a:ext>
            </a:extLst>
          </p:cNvPr>
          <p:cNvPicPr>
            <a:picLocks noChangeAspect="1"/>
          </p:cNvPicPr>
          <p:nvPr/>
        </p:nvPicPr>
        <p:blipFill>
          <a:blip r:embed="rId38" cstate="print">
            <a:extLst>
              <a:ext uri="{28A0092B-C50C-407E-A947-70E740481C1C}">
                <a14:useLocalDpi xmlns:a14="http://schemas.microsoft.com/office/drawing/2010/main" val="0"/>
              </a:ext>
            </a:extLst>
          </a:blip>
          <a:stretch>
            <a:fillRect/>
          </a:stretch>
        </p:blipFill>
        <p:spPr>
          <a:xfrm>
            <a:off x="2298471" y="2889746"/>
            <a:ext cx="1025573" cy="384590"/>
          </a:xfrm>
          <a:prstGeom prst="rect">
            <a:avLst/>
          </a:prstGeom>
        </p:spPr>
      </p:pic>
      <p:pic>
        <p:nvPicPr>
          <p:cNvPr id="152" name="Picture 151" descr="A picture containing text, clipart&#10;&#10;Description automatically generated">
            <a:extLst>
              <a:ext uri="{FF2B5EF4-FFF2-40B4-BE49-F238E27FC236}">
                <a16:creationId xmlns:a16="http://schemas.microsoft.com/office/drawing/2014/main" id="{2D6725D3-DD6F-210F-AF8F-94659DAFCE24}"/>
              </a:ext>
            </a:extLst>
          </p:cNvPr>
          <p:cNvPicPr>
            <a:picLocks noChangeAspect="1"/>
          </p:cNvPicPr>
          <p:nvPr/>
        </p:nvPicPr>
        <p:blipFill>
          <a:blip r:embed="rId39" cstate="email">
            <a:extLst>
              <a:ext uri="{28A0092B-C50C-407E-A947-70E740481C1C}">
                <a14:useLocalDpi xmlns:a14="http://schemas.microsoft.com/office/drawing/2010/main"/>
              </a:ext>
            </a:extLst>
          </a:blip>
          <a:stretch>
            <a:fillRect/>
          </a:stretch>
        </p:blipFill>
        <p:spPr>
          <a:xfrm>
            <a:off x="2324656" y="3648547"/>
            <a:ext cx="1103622" cy="347641"/>
          </a:xfrm>
          <a:prstGeom prst="rect">
            <a:avLst/>
          </a:prstGeom>
        </p:spPr>
      </p:pic>
      <p:pic>
        <p:nvPicPr>
          <p:cNvPr id="153" name="Picture 152">
            <a:extLst>
              <a:ext uri="{FF2B5EF4-FFF2-40B4-BE49-F238E27FC236}">
                <a16:creationId xmlns:a16="http://schemas.microsoft.com/office/drawing/2014/main" id="{4A0D7DA6-D5A3-2632-6A97-763C1B965E80}"/>
              </a:ext>
            </a:extLst>
          </p:cNvPr>
          <p:cNvPicPr>
            <a:picLocks noChangeAspect="1"/>
          </p:cNvPicPr>
          <p:nvPr/>
        </p:nvPicPr>
        <p:blipFill rotWithShape="1">
          <a:blip r:embed="rId40" cstate="email">
            <a:extLst>
              <a:ext uri="{28A0092B-C50C-407E-A947-70E740481C1C}">
                <a14:useLocalDpi xmlns:a14="http://schemas.microsoft.com/office/drawing/2010/main"/>
              </a:ext>
            </a:extLst>
          </a:blip>
          <a:srcRect t="35835" b="33113"/>
          <a:stretch/>
        </p:blipFill>
        <p:spPr>
          <a:xfrm>
            <a:off x="3736329" y="3703455"/>
            <a:ext cx="765888" cy="237824"/>
          </a:xfrm>
          <a:prstGeom prst="rect">
            <a:avLst/>
          </a:prstGeom>
        </p:spPr>
      </p:pic>
      <p:pic>
        <p:nvPicPr>
          <p:cNvPr id="154" name="Picture 153" descr="Logo&#10;&#10;Description automatically generated">
            <a:extLst>
              <a:ext uri="{FF2B5EF4-FFF2-40B4-BE49-F238E27FC236}">
                <a16:creationId xmlns:a16="http://schemas.microsoft.com/office/drawing/2014/main" id="{D13CC4F6-5182-75B6-AB14-0DE4BE820689}"/>
              </a:ext>
            </a:extLst>
          </p:cNvPr>
          <p:cNvPicPr>
            <a:picLocks noChangeAspect="1"/>
          </p:cNvPicPr>
          <p:nvPr/>
        </p:nvPicPr>
        <p:blipFill>
          <a:blip r:embed="rId41" cstate="email">
            <a:extLst>
              <a:ext uri="{28A0092B-C50C-407E-A947-70E740481C1C}">
                <a14:useLocalDpi xmlns:a14="http://schemas.microsoft.com/office/drawing/2010/main"/>
              </a:ext>
            </a:extLst>
          </a:blip>
          <a:stretch>
            <a:fillRect/>
          </a:stretch>
        </p:blipFill>
        <p:spPr>
          <a:xfrm>
            <a:off x="4810268" y="3652707"/>
            <a:ext cx="848301" cy="339320"/>
          </a:xfrm>
          <a:prstGeom prst="rect">
            <a:avLst/>
          </a:prstGeom>
        </p:spPr>
      </p:pic>
      <p:pic>
        <p:nvPicPr>
          <p:cNvPr id="155" name="Picture 154" descr="Logo&#10;&#10;Description automatically generated">
            <a:extLst>
              <a:ext uri="{FF2B5EF4-FFF2-40B4-BE49-F238E27FC236}">
                <a16:creationId xmlns:a16="http://schemas.microsoft.com/office/drawing/2014/main" id="{1146B1DA-1D87-3398-76CF-4244FEC3E502}"/>
              </a:ext>
            </a:extLst>
          </p:cNvPr>
          <p:cNvPicPr>
            <a:picLocks noChangeAspect="1"/>
          </p:cNvPicPr>
          <p:nvPr/>
        </p:nvPicPr>
        <p:blipFill>
          <a:blip r:embed="rId42" cstate="email">
            <a:extLst>
              <a:ext uri="{28A0092B-C50C-407E-A947-70E740481C1C}">
                <a14:useLocalDpi xmlns:a14="http://schemas.microsoft.com/office/drawing/2010/main"/>
              </a:ext>
            </a:extLst>
          </a:blip>
          <a:stretch>
            <a:fillRect/>
          </a:stretch>
        </p:blipFill>
        <p:spPr>
          <a:xfrm>
            <a:off x="5966620" y="3526977"/>
            <a:ext cx="617729" cy="590781"/>
          </a:xfrm>
          <a:prstGeom prst="rect">
            <a:avLst/>
          </a:prstGeom>
        </p:spPr>
      </p:pic>
      <p:pic>
        <p:nvPicPr>
          <p:cNvPr id="156" name="Picture 155">
            <a:extLst>
              <a:ext uri="{FF2B5EF4-FFF2-40B4-BE49-F238E27FC236}">
                <a16:creationId xmlns:a16="http://schemas.microsoft.com/office/drawing/2014/main" id="{9D5CBE32-87B4-4B4D-8C30-EE8E1739718C}"/>
              </a:ext>
            </a:extLst>
          </p:cNvPr>
          <p:cNvPicPr>
            <a:picLocks noChangeAspect="1"/>
          </p:cNvPicPr>
          <p:nvPr/>
        </p:nvPicPr>
        <p:blipFill rotWithShape="1">
          <a:blip r:embed="rId43">
            <a:extLst>
              <a:ext uri="{28A0092B-C50C-407E-A947-70E740481C1C}">
                <a14:useLocalDpi xmlns:a14="http://schemas.microsoft.com/office/drawing/2010/main"/>
              </a:ext>
            </a:extLst>
          </a:blip>
          <a:srcRect l="7811" t="14978" r="3917" b="-1345"/>
          <a:stretch/>
        </p:blipFill>
        <p:spPr>
          <a:xfrm>
            <a:off x="6892400" y="3555474"/>
            <a:ext cx="562787" cy="533786"/>
          </a:xfrm>
          <a:prstGeom prst="rect">
            <a:avLst/>
          </a:prstGeom>
        </p:spPr>
      </p:pic>
      <p:pic>
        <p:nvPicPr>
          <p:cNvPr id="157" name="Picture 156">
            <a:extLst>
              <a:ext uri="{FF2B5EF4-FFF2-40B4-BE49-F238E27FC236}">
                <a16:creationId xmlns:a16="http://schemas.microsoft.com/office/drawing/2014/main" id="{14DD02EA-92F9-AAF1-A19D-300C4303872D}"/>
              </a:ext>
            </a:extLst>
          </p:cNvPr>
          <p:cNvPicPr>
            <a:picLocks noChangeAspect="1"/>
          </p:cNvPicPr>
          <p:nvPr/>
        </p:nvPicPr>
        <p:blipFill>
          <a:blip r:embed="rId44" cstate="email">
            <a:extLst>
              <a:ext uri="{28A0092B-C50C-407E-A947-70E740481C1C}">
                <a14:useLocalDpi xmlns:a14="http://schemas.microsoft.com/office/drawing/2010/main"/>
              </a:ext>
            </a:extLst>
          </a:blip>
          <a:stretch>
            <a:fillRect/>
          </a:stretch>
        </p:blipFill>
        <p:spPr>
          <a:xfrm>
            <a:off x="7763238" y="3670620"/>
            <a:ext cx="1043424" cy="303495"/>
          </a:xfrm>
          <a:prstGeom prst="rect">
            <a:avLst/>
          </a:prstGeom>
        </p:spPr>
      </p:pic>
      <p:pic>
        <p:nvPicPr>
          <p:cNvPr id="158" name="Picture 157" descr="Logo&#10;&#10;Description automatically generated">
            <a:extLst>
              <a:ext uri="{FF2B5EF4-FFF2-40B4-BE49-F238E27FC236}">
                <a16:creationId xmlns:a16="http://schemas.microsoft.com/office/drawing/2014/main" id="{F96E3053-413B-2A02-48D4-90053C268E04}"/>
              </a:ext>
            </a:extLst>
          </p:cNvPr>
          <p:cNvPicPr>
            <a:picLocks noChangeAspect="1"/>
          </p:cNvPicPr>
          <p:nvPr/>
        </p:nvPicPr>
        <p:blipFill rotWithShape="1">
          <a:blip r:embed="rId45" cstate="email">
            <a:extLst>
              <a:ext uri="{28A0092B-C50C-407E-A947-70E740481C1C}">
                <a14:useLocalDpi xmlns:a14="http://schemas.microsoft.com/office/drawing/2010/main"/>
              </a:ext>
            </a:extLst>
          </a:blip>
          <a:srcRect/>
          <a:stretch/>
        </p:blipFill>
        <p:spPr>
          <a:xfrm>
            <a:off x="9114713" y="3598883"/>
            <a:ext cx="816950" cy="446968"/>
          </a:xfrm>
          <a:prstGeom prst="rect">
            <a:avLst/>
          </a:prstGeom>
        </p:spPr>
      </p:pic>
      <p:pic>
        <p:nvPicPr>
          <p:cNvPr id="159" name="Picture 158">
            <a:extLst>
              <a:ext uri="{FF2B5EF4-FFF2-40B4-BE49-F238E27FC236}">
                <a16:creationId xmlns:a16="http://schemas.microsoft.com/office/drawing/2014/main" id="{471215F1-CF42-C9AF-975A-6A8447C83A0D}"/>
              </a:ext>
            </a:extLst>
          </p:cNvPr>
          <p:cNvPicPr>
            <a:picLocks noChangeAspect="1"/>
          </p:cNvPicPr>
          <p:nvPr/>
        </p:nvPicPr>
        <p:blipFill>
          <a:blip r:embed="rId46" cstate="email">
            <a:extLst>
              <a:ext uri="{28A0092B-C50C-407E-A947-70E740481C1C}">
                <a14:useLocalDpi xmlns:a14="http://schemas.microsoft.com/office/drawing/2010/main"/>
              </a:ext>
            </a:extLst>
          </a:blip>
          <a:stretch>
            <a:fillRect/>
          </a:stretch>
        </p:blipFill>
        <p:spPr>
          <a:xfrm>
            <a:off x="10239715" y="3650317"/>
            <a:ext cx="1163730" cy="344100"/>
          </a:xfrm>
          <a:prstGeom prst="rect">
            <a:avLst/>
          </a:prstGeom>
        </p:spPr>
      </p:pic>
      <p:pic>
        <p:nvPicPr>
          <p:cNvPr id="160" name="Graphic 159">
            <a:extLst>
              <a:ext uri="{FF2B5EF4-FFF2-40B4-BE49-F238E27FC236}">
                <a16:creationId xmlns:a16="http://schemas.microsoft.com/office/drawing/2014/main" id="{BD8A958C-E2CB-AB21-BA8E-176FE00AFB51}"/>
              </a:ext>
            </a:extLst>
          </p:cNvPr>
          <p:cNvPicPr>
            <a:picLocks noChangeAspect="1"/>
          </p:cNvPicPr>
          <p:nvPr/>
        </p:nvPicPr>
        <p:blipFill>
          <a:blip r:embed="rId47">
            <a:extLst>
              <a:ext uri="{28A0092B-C50C-407E-A947-70E740481C1C}">
                <a14:useLocalDpi xmlns:a14="http://schemas.microsoft.com/office/drawing/2010/main"/>
              </a:ext>
              <a:ext uri="{96DAC541-7B7A-43D3-8B79-37D633B846F1}">
                <asvg:svgBlip xmlns:asvg="http://schemas.microsoft.com/office/drawing/2016/SVG/main" r:embed="rId48"/>
              </a:ext>
            </a:extLst>
          </a:blip>
          <a:stretch>
            <a:fillRect/>
          </a:stretch>
        </p:blipFill>
        <p:spPr>
          <a:xfrm>
            <a:off x="10503435" y="4399647"/>
            <a:ext cx="976115" cy="330620"/>
          </a:xfrm>
          <a:prstGeom prst="rect">
            <a:avLst/>
          </a:prstGeom>
        </p:spPr>
      </p:pic>
      <p:pic>
        <p:nvPicPr>
          <p:cNvPr id="161" name="Picture 160">
            <a:extLst>
              <a:ext uri="{FF2B5EF4-FFF2-40B4-BE49-F238E27FC236}">
                <a16:creationId xmlns:a16="http://schemas.microsoft.com/office/drawing/2014/main" id="{52CC6725-BD1E-FF77-7DB8-F8284AD9D53E}"/>
              </a:ext>
            </a:extLst>
          </p:cNvPr>
          <p:cNvPicPr>
            <a:picLocks noChangeAspect="1"/>
          </p:cNvPicPr>
          <p:nvPr/>
        </p:nvPicPr>
        <p:blipFill>
          <a:blip r:embed="rId49" cstate="email">
            <a:extLst>
              <a:ext uri="{28A0092B-C50C-407E-A947-70E740481C1C}">
                <a14:useLocalDpi xmlns:a14="http://schemas.microsoft.com/office/drawing/2010/main"/>
              </a:ext>
            </a:extLst>
          </a:blip>
          <a:stretch>
            <a:fillRect/>
          </a:stretch>
        </p:blipFill>
        <p:spPr>
          <a:xfrm>
            <a:off x="4075468" y="4370179"/>
            <a:ext cx="574596" cy="389557"/>
          </a:xfrm>
          <a:prstGeom prst="rect">
            <a:avLst/>
          </a:prstGeom>
        </p:spPr>
      </p:pic>
      <p:pic>
        <p:nvPicPr>
          <p:cNvPr id="162" name="Picture 161">
            <a:extLst>
              <a:ext uri="{FF2B5EF4-FFF2-40B4-BE49-F238E27FC236}">
                <a16:creationId xmlns:a16="http://schemas.microsoft.com/office/drawing/2014/main" id="{AC2936DD-F594-B3D3-442E-0EFCB8113E56}"/>
              </a:ext>
            </a:extLst>
          </p:cNvPr>
          <p:cNvPicPr>
            <a:picLocks noChangeAspect="1"/>
          </p:cNvPicPr>
          <p:nvPr/>
        </p:nvPicPr>
        <p:blipFill>
          <a:blip r:embed="rId50" cstate="email">
            <a:extLst>
              <a:ext uri="{28A0092B-C50C-407E-A947-70E740481C1C}">
                <a14:useLocalDpi xmlns:a14="http://schemas.microsoft.com/office/drawing/2010/main"/>
              </a:ext>
            </a:extLst>
          </a:blip>
          <a:stretch>
            <a:fillRect/>
          </a:stretch>
        </p:blipFill>
        <p:spPr>
          <a:xfrm>
            <a:off x="2315394" y="4423259"/>
            <a:ext cx="1008650" cy="283397"/>
          </a:xfrm>
          <a:prstGeom prst="rect">
            <a:avLst/>
          </a:prstGeom>
        </p:spPr>
      </p:pic>
      <p:pic>
        <p:nvPicPr>
          <p:cNvPr id="163" name="Picture 162">
            <a:extLst>
              <a:ext uri="{FF2B5EF4-FFF2-40B4-BE49-F238E27FC236}">
                <a16:creationId xmlns:a16="http://schemas.microsoft.com/office/drawing/2014/main" id="{8CB15820-4FD8-2DB3-95E7-DCD4825446DB}"/>
              </a:ext>
            </a:extLst>
          </p:cNvPr>
          <p:cNvPicPr>
            <a:picLocks noChangeAspect="1"/>
          </p:cNvPicPr>
          <p:nvPr/>
        </p:nvPicPr>
        <p:blipFill>
          <a:blip r:embed="rId51" cstate="email">
            <a:extLst>
              <a:ext uri="{28A0092B-C50C-407E-A947-70E740481C1C}">
                <a14:useLocalDpi xmlns:a14="http://schemas.microsoft.com/office/drawing/2010/main"/>
              </a:ext>
            </a:extLst>
          </a:blip>
          <a:stretch>
            <a:fillRect/>
          </a:stretch>
        </p:blipFill>
        <p:spPr>
          <a:xfrm>
            <a:off x="3443866" y="4439469"/>
            <a:ext cx="526153" cy="250976"/>
          </a:xfrm>
          <a:prstGeom prst="rect">
            <a:avLst/>
          </a:prstGeom>
        </p:spPr>
      </p:pic>
      <p:pic>
        <p:nvPicPr>
          <p:cNvPr id="164" name="Picture 163">
            <a:extLst>
              <a:ext uri="{FF2B5EF4-FFF2-40B4-BE49-F238E27FC236}">
                <a16:creationId xmlns:a16="http://schemas.microsoft.com/office/drawing/2014/main" id="{71AC7CDB-005D-07FC-D47C-47C63D0AF72C}"/>
              </a:ext>
            </a:extLst>
          </p:cNvPr>
          <p:cNvPicPr>
            <a:picLocks noChangeAspect="1"/>
          </p:cNvPicPr>
          <p:nvPr/>
        </p:nvPicPr>
        <p:blipFill rotWithShape="1">
          <a:blip r:embed="rId52" cstate="email">
            <a:extLst>
              <a:ext uri="{28A0092B-C50C-407E-A947-70E740481C1C}">
                <a14:useLocalDpi xmlns:a14="http://schemas.microsoft.com/office/drawing/2010/main"/>
              </a:ext>
            </a:extLst>
          </a:blip>
          <a:srcRect/>
          <a:stretch/>
        </p:blipFill>
        <p:spPr>
          <a:xfrm>
            <a:off x="4813134" y="4407598"/>
            <a:ext cx="845435" cy="314719"/>
          </a:xfrm>
          <a:prstGeom prst="rect">
            <a:avLst/>
          </a:prstGeom>
        </p:spPr>
      </p:pic>
      <p:pic>
        <p:nvPicPr>
          <p:cNvPr id="165" name="Picture 164" descr="Logo&#10;&#10;Description automatically generated">
            <a:extLst>
              <a:ext uri="{FF2B5EF4-FFF2-40B4-BE49-F238E27FC236}">
                <a16:creationId xmlns:a16="http://schemas.microsoft.com/office/drawing/2014/main" id="{E18092EB-DCD6-A72C-8506-B69501AEED9C}"/>
              </a:ext>
            </a:extLst>
          </p:cNvPr>
          <p:cNvPicPr>
            <a:picLocks noChangeAspect="1"/>
          </p:cNvPicPr>
          <p:nvPr/>
        </p:nvPicPr>
        <p:blipFill rotWithShape="1">
          <a:blip r:embed="rId53" cstate="email">
            <a:extLst>
              <a:ext uri="{28A0092B-C50C-407E-A947-70E740481C1C}">
                <a14:useLocalDpi xmlns:a14="http://schemas.microsoft.com/office/drawing/2010/main"/>
              </a:ext>
            </a:extLst>
          </a:blip>
          <a:srcRect r="55166" b="21406"/>
          <a:stretch/>
        </p:blipFill>
        <p:spPr>
          <a:xfrm>
            <a:off x="5658569" y="4316570"/>
            <a:ext cx="923251" cy="496775"/>
          </a:xfrm>
          <a:prstGeom prst="rect">
            <a:avLst/>
          </a:prstGeom>
        </p:spPr>
      </p:pic>
      <p:pic>
        <p:nvPicPr>
          <p:cNvPr id="166" name="Picture 165">
            <a:extLst>
              <a:ext uri="{FF2B5EF4-FFF2-40B4-BE49-F238E27FC236}">
                <a16:creationId xmlns:a16="http://schemas.microsoft.com/office/drawing/2014/main" id="{C6B6DBFF-3B1C-1D8A-31C4-9F1A8FC79728}"/>
              </a:ext>
            </a:extLst>
          </p:cNvPr>
          <p:cNvPicPr>
            <a:picLocks noChangeAspect="1"/>
          </p:cNvPicPr>
          <p:nvPr/>
        </p:nvPicPr>
        <p:blipFill>
          <a:blip r:embed="rId54" cstate="email">
            <a:extLst>
              <a:ext uri="{28A0092B-C50C-407E-A947-70E740481C1C}">
                <a14:useLocalDpi xmlns:a14="http://schemas.microsoft.com/office/drawing/2010/main"/>
              </a:ext>
            </a:extLst>
          </a:blip>
          <a:stretch>
            <a:fillRect/>
          </a:stretch>
        </p:blipFill>
        <p:spPr>
          <a:xfrm>
            <a:off x="6741032" y="4424724"/>
            <a:ext cx="932605" cy="280467"/>
          </a:xfrm>
          <a:prstGeom prst="rect">
            <a:avLst/>
          </a:prstGeom>
        </p:spPr>
      </p:pic>
      <p:pic>
        <p:nvPicPr>
          <p:cNvPr id="167" name="Picture 166" descr="A picture containing text, clipart&#10;&#10;Description automatically generated">
            <a:extLst>
              <a:ext uri="{FF2B5EF4-FFF2-40B4-BE49-F238E27FC236}">
                <a16:creationId xmlns:a16="http://schemas.microsoft.com/office/drawing/2014/main" id="{A5798554-6B6E-5EC1-9F3F-8B0D628BFDEE}"/>
              </a:ext>
            </a:extLst>
          </p:cNvPr>
          <p:cNvPicPr>
            <a:picLocks noChangeAspect="1"/>
          </p:cNvPicPr>
          <p:nvPr/>
        </p:nvPicPr>
        <p:blipFill rotWithShape="1">
          <a:blip r:embed="rId55" cstate="email">
            <a:extLst>
              <a:ext uri="{28A0092B-C50C-407E-A947-70E740481C1C}">
                <a14:useLocalDpi xmlns:a14="http://schemas.microsoft.com/office/drawing/2010/main"/>
              </a:ext>
            </a:extLst>
          </a:blip>
          <a:srcRect/>
          <a:stretch/>
        </p:blipFill>
        <p:spPr>
          <a:xfrm>
            <a:off x="7825073" y="4435196"/>
            <a:ext cx="1201311" cy="259522"/>
          </a:xfrm>
          <a:prstGeom prst="rect">
            <a:avLst/>
          </a:prstGeom>
        </p:spPr>
      </p:pic>
      <p:pic>
        <p:nvPicPr>
          <p:cNvPr id="168" name="Picture 167" descr="Graphical user interface&#10;&#10;Description automatically generated">
            <a:extLst>
              <a:ext uri="{FF2B5EF4-FFF2-40B4-BE49-F238E27FC236}">
                <a16:creationId xmlns:a16="http://schemas.microsoft.com/office/drawing/2014/main" id="{76820D06-C26B-1FC6-83F9-70CD6CAA6EC6}"/>
              </a:ext>
            </a:extLst>
          </p:cNvPr>
          <p:cNvPicPr>
            <a:picLocks noChangeAspect="1"/>
          </p:cNvPicPr>
          <p:nvPr/>
        </p:nvPicPr>
        <p:blipFill>
          <a:blip r:embed="rId56" cstate="email">
            <a:extLst>
              <a:ext uri="{28A0092B-C50C-407E-A947-70E740481C1C}">
                <a14:useLocalDpi xmlns:a14="http://schemas.microsoft.com/office/drawing/2010/main"/>
              </a:ext>
            </a:extLst>
          </a:blip>
          <a:stretch>
            <a:fillRect/>
          </a:stretch>
        </p:blipFill>
        <p:spPr>
          <a:xfrm>
            <a:off x="9177820" y="4376510"/>
            <a:ext cx="1130682" cy="376894"/>
          </a:xfrm>
          <a:prstGeom prst="rect">
            <a:avLst/>
          </a:prstGeom>
        </p:spPr>
      </p:pic>
      <p:pic>
        <p:nvPicPr>
          <p:cNvPr id="169" name="Graphic 168">
            <a:extLst>
              <a:ext uri="{FF2B5EF4-FFF2-40B4-BE49-F238E27FC236}">
                <a16:creationId xmlns:a16="http://schemas.microsoft.com/office/drawing/2014/main" id="{1DA95462-36A0-E61D-4A15-C4CA378B2F53}"/>
              </a:ext>
            </a:extLst>
          </p:cNvPr>
          <p:cNvPicPr>
            <a:picLocks noChangeAspect="1"/>
          </p:cNvPicPr>
          <p:nvPr/>
        </p:nvPicPr>
        <p:blipFill>
          <a:blip r:embed="rId57" cstate="email">
            <a:extLst>
              <a:ext uri="{28A0092B-C50C-407E-A947-70E740481C1C}">
                <a14:useLocalDpi xmlns:a14="http://schemas.microsoft.com/office/drawing/2010/main"/>
              </a:ext>
              <a:ext uri="{96DAC541-7B7A-43D3-8B79-37D633B846F1}">
                <asvg:svgBlip xmlns:asvg="http://schemas.microsoft.com/office/drawing/2016/SVG/main" r:embed="rId58"/>
              </a:ext>
            </a:extLst>
          </a:blip>
          <a:stretch>
            <a:fillRect/>
          </a:stretch>
        </p:blipFill>
        <p:spPr>
          <a:xfrm>
            <a:off x="2338805" y="5275449"/>
            <a:ext cx="1075323" cy="129038"/>
          </a:xfrm>
          <a:prstGeom prst="rect">
            <a:avLst/>
          </a:prstGeom>
        </p:spPr>
      </p:pic>
      <p:pic>
        <p:nvPicPr>
          <p:cNvPr id="170" name="Picture 169" descr="Logo&#10;&#10;Description automatically generated">
            <a:extLst>
              <a:ext uri="{FF2B5EF4-FFF2-40B4-BE49-F238E27FC236}">
                <a16:creationId xmlns:a16="http://schemas.microsoft.com/office/drawing/2014/main" id="{4702E543-7462-F342-E178-393906C2FA07}"/>
              </a:ext>
            </a:extLst>
          </p:cNvPr>
          <p:cNvPicPr>
            <a:picLocks noChangeAspect="1"/>
          </p:cNvPicPr>
          <p:nvPr/>
        </p:nvPicPr>
        <p:blipFill>
          <a:blip r:embed="rId59" cstate="email">
            <a:extLst>
              <a:ext uri="{28A0092B-C50C-407E-A947-70E740481C1C}">
                <a14:useLocalDpi xmlns:a14="http://schemas.microsoft.com/office/drawing/2010/main"/>
              </a:ext>
            </a:extLst>
          </a:blip>
          <a:stretch>
            <a:fillRect/>
          </a:stretch>
        </p:blipFill>
        <p:spPr>
          <a:xfrm>
            <a:off x="3667645" y="5125617"/>
            <a:ext cx="464988" cy="428662"/>
          </a:xfrm>
          <a:prstGeom prst="rect">
            <a:avLst/>
          </a:prstGeom>
        </p:spPr>
      </p:pic>
      <p:pic>
        <p:nvPicPr>
          <p:cNvPr id="171" name="Picture 170" descr="Logo&#10;&#10;Description automatically generated">
            <a:extLst>
              <a:ext uri="{FF2B5EF4-FFF2-40B4-BE49-F238E27FC236}">
                <a16:creationId xmlns:a16="http://schemas.microsoft.com/office/drawing/2014/main" id="{EECC94E8-7C5D-8F51-552A-88B9811C66B3}"/>
              </a:ext>
            </a:extLst>
          </p:cNvPr>
          <p:cNvPicPr>
            <a:picLocks noChangeAspect="1"/>
          </p:cNvPicPr>
          <p:nvPr/>
        </p:nvPicPr>
        <p:blipFill rotWithShape="1">
          <a:blip r:embed="rId60" cstate="email">
            <a:extLst>
              <a:ext uri="{28A0092B-C50C-407E-A947-70E740481C1C}">
                <a14:useLocalDpi xmlns:a14="http://schemas.microsoft.com/office/drawing/2010/main"/>
              </a:ext>
            </a:extLst>
          </a:blip>
          <a:srcRect t="28894" b="29453"/>
          <a:stretch/>
        </p:blipFill>
        <p:spPr>
          <a:xfrm>
            <a:off x="4386150" y="5204847"/>
            <a:ext cx="1001536" cy="233611"/>
          </a:xfrm>
          <a:prstGeom prst="rect">
            <a:avLst/>
          </a:prstGeom>
        </p:spPr>
      </p:pic>
      <p:pic>
        <p:nvPicPr>
          <p:cNvPr id="172" name="Graphic 171">
            <a:extLst>
              <a:ext uri="{FF2B5EF4-FFF2-40B4-BE49-F238E27FC236}">
                <a16:creationId xmlns:a16="http://schemas.microsoft.com/office/drawing/2014/main" id="{786C108C-B9A7-7528-18AA-A7F27B57708A}"/>
              </a:ext>
            </a:extLst>
          </p:cNvPr>
          <p:cNvPicPr>
            <a:picLocks noChangeAspect="1"/>
          </p:cNvPicPr>
          <p:nvPr/>
        </p:nvPicPr>
        <p:blipFill>
          <a:blip r:embed="rId61" cstate="email">
            <a:extLst>
              <a:ext uri="{28A0092B-C50C-407E-A947-70E740481C1C}">
                <a14:useLocalDpi xmlns:a14="http://schemas.microsoft.com/office/drawing/2010/main"/>
              </a:ext>
              <a:ext uri="{96DAC541-7B7A-43D3-8B79-37D633B846F1}">
                <asvg:svgBlip xmlns:asvg="http://schemas.microsoft.com/office/drawing/2016/SVG/main" r:embed="rId62"/>
              </a:ext>
            </a:extLst>
          </a:blip>
          <a:stretch>
            <a:fillRect/>
          </a:stretch>
        </p:blipFill>
        <p:spPr>
          <a:xfrm>
            <a:off x="5641203" y="5117616"/>
            <a:ext cx="433625" cy="432324"/>
          </a:xfrm>
          <a:prstGeom prst="rect">
            <a:avLst/>
          </a:prstGeom>
        </p:spPr>
      </p:pic>
      <p:pic>
        <p:nvPicPr>
          <p:cNvPr id="173" name="Picture 172">
            <a:extLst>
              <a:ext uri="{FF2B5EF4-FFF2-40B4-BE49-F238E27FC236}">
                <a16:creationId xmlns:a16="http://schemas.microsoft.com/office/drawing/2014/main" id="{CB81D57F-97BF-D8D4-5563-124CD91A878D}"/>
              </a:ext>
            </a:extLst>
          </p:cNvPr>
          <p:cNvPicPr>
            <a:picLocks noChangeAspect="1"/>
          </p:cNvPicPr>
          <p:nvPr/>
        </p:nvPicPr>
        <p:blipFill>
          <a:blip r:embed="rId63" cstate="email">
            <a:extLst>
              <a:ext uri="{28A0092B-C50C-407E-A947-70E740481C1C}">
                <a14:useLocalDpi xmlns:a14="http://schemas.microsoft.com/office/drawing/2010/main"/>
              </a:ext>
            </a:extLst>
          </a:blip>
          <a:stretch>
            <a:fillRect/>
          </a:stretch>
        </p:blipFill>
        <p:spPr>
          <a:xfrm>
            <a:off x="7563849" y="5204847"/>
            <a:ext cx="1003293" cy="233265"/>
          </a:xfrm>
          <a:prstGeom prst="rect">
            <a:avLst/>
          </a:prstGeom>
        </p:spPr>
      </p:pic>
      <p:pic>
        <p:nvPicPr>
          <p:cNvPr id="174" name="Picture 173" descr="Logo&#10;&#10;Description automatically generated">
            <a:extLst>
              <a:ext uri="{FF2B5EF4-FFF2-40B4-BE49-F238E27FC236}">
                <a16:creationId xmlns:a16="http://schemas.microsoft.com/office/drawing/2014/main" id="{C643E7C6-3252-3C82-F69D-4C4BFE24DF10}"/>
              </a:ext>
            </a:extLst>
          </p:cNvPr>
          <p:cNvPicPr>
            <a:picLocks noChangeAspect="1"/>
          </p:cNvPicPr>
          <p:nvPr/>
        </p:nvPicPr>
        <p:blipFill>
          <a:blip r:embed="rId64" cstate="email">
            <a:extLst>
              <a:ext uri="{28A0092B-C50C-407E-A947-70E740481C1C}">
                <a14:useLocalDpi xmlns:a14="http://schemas.microsoft.com/office/drawing/2010/main"/>
              </a:ext>
            </a:extLst>
          </a:blip>
          <a:stretch>
            <a:fillRect/>
          </a:stretch>
        </p:blipFill>
        <p:spPr>
          <a:xfrm>
            <a:off x="6328345" y="5137598"/>
            <a:ext cx="943887" cy="383219"/>
          </a:xfrm>
          <a:prstGeom prst="rect">
            <a:avLst/>
          </a:prstGeom>
        </p:spPr>
      </p:pic>
      <p:pic>
        <p:nvPicPr>
          <p:cNvPr id="175" name="Picture 174" descr="Logo, company name&#10;&#10;Description automatically generated">
            <a:extLst>
              <a:ext uri="{FF2B5EF4-FFF2-40B4-BE49-F238E27FC236}">
                <a16:creationId xmlns:a16="http://schemas.microsoft.com/office/drawing/2014/main" id="{85F3E22E-F9DF-D4C6-53FD-A86F7180358D}"/>
              </a:ext>
            </a:extLst>
          </p:cNvPr>
          <p:cNvPicPr>
            <a:picLocks noChangeAspect="1"/>
          </p:cNvPicPr>
          <p:nvPr/>
        </p:nvPicPr>
        <p:blipFill rotWithShape="1">
          <a:blip r:embed="rId65" cstate="email">
            <a:extLst>
              <a:ext uri="{28A0092B-C50C-407E-A947-70E740481C1C}">
                <a14:useLocalDpi xmlns:a14="http://schemas.microsoft.com/office/drawing/2010/main"/>
              </a:ext>
            </a:extLst>
          </a:blip>
          <a:srcRect/>
          <a:stretch/>
        </p:blipFill>
        <p:spPr>
          <a:xfrm>
            <a:off x="8782559" y="5162273"/>
            <a:ext cx="1208510" cy="318411"/>
          </a:xfrm>
          <a:prstGeom prst="rect">
            <a:avLst/>
          </a:prstGeom>
        </p:spPr>
      </p:pic>
      <p:pic>
        <p:nvPicPr>
          <p:cNvPr id="176" name="Picture 175" descr="Logo, company name&#10;&#10;Description automatically generated">
            <a:extLst>
              <a:ext uri="{FF2B5EF4-FFF2-40B4-BE49-F238E27FC236}">
                <a16:creationId xmlns:a16="http://schemas.microsoft.com/office/drawing/2014/main" id="{B0EC695E-DE49-53A1-5826-F18D49C2A955}"/>
              </a:ext>
            </a:extLst>
          </p:cNvPr>
          <p:cNvPicPr>
            <a:picLocks noChangeAspect="1"/>
          </p:cNvPicPr>
          <p:nvPr/>
        </p:nvPicPr>
        <p:blipFill rotWithShape="1">
          <a:blip r:embed="rId66" cstate="email">
            <a:extLst>
              <a:ext uri="{28A0092B-C50C-407E-A947-70E740481C1C}">
                <a14:useLocalDpi xmlns:a14="http://schemas.microsoft.com/office/drawing/2010/main"/>
              </a:ext>
            </a:extLst>
          </a:blip>
          <a:srcRect t="23483" b="27427"/>
          <a:stretch/>
        </p:blipFill>
        <p:spPr>
          <a:xfrm>
            <a:off x="10244586" y="5125617"/>
            <a:ext cx="1171464" cy="345043"/>
          </a:xfrm>
          <a:prstGeom prst="rect">
            <a:avLst/>
          </a:prstGeom>
        </p:spPr>
      </p:pic>
      <p:pic>
        <p:nvPicPr>
          <p:cNvPr id="177" name="Graphic 176">
            <a:extLst>
              <a:ext uri="{FF2B5EF4-FFF2-40B4-BE49-F238E27FC236}">
                <a16:creationId xmlns:a16="http://schemas.microsoft.com/office/drawing/2014/main" id="{4563EE4A-933C-9738-D382-CCFA95422355}"/>
              </a:ext>
            </a:extLst>
          </p:cNvPr>
          <p:cNvPicPr>
            <a:picLocks noChangeAspect="1"/>
          </p:cNvPicPr>
          <p:nvPr/>
        </p:nvPicPr>
        <p:blipFill>
          <a:blip r:embed="rId67" cstate="email">
            <a:extLst>
              <a:ext uri="{28A0092B-C50C-407E-A947-70E740481C1C}">
                <a14:useLocalDpi xmlns:a14="http://schemas.microsoft.com/office/drawing/2010/main"/>
              </a:ext>
              <a:ext uri="{96DAC541-7B7A-43D3-8B79-37D633B846F1}">
                <asvg:svgBlip xmlns:asvg="http://schemas.microsoft.com/office/drawing/2016/SVG/main" r:embed="rId68"/>
              </a:ext>
            </a:extLst>
          </a:blip>
          <a:stretch>
            <a:fillRect/>
          </a:stretch>
        </p:blipFill>
        <p:spPr>
          <a:xfrm>
            <a:off x="3206234" y="5944469"/>
            <a:ext cx="1267376" cy="204669"/>
          </a:xfrm>
          <a:prstGeom prst="rect">
            <a:avLst/>
          </a:prstGeom>
        </p:spPr>
      </p:pic>
      <p:pic>
        <p:nvPicPr>
          <p:cNvPr id="178" name="Graphic 177">
            <a:extLst>
              <a:ext uri="{FF2B5EF4-FFF2-40B4-BE49-F238E27FC236}">
                <a16:creationId xmlns:a16="http://schemas.microsoft.com/office/drawing/2014/main" id="{7F82093E-DA7D-D0F5-F51F-6C7771126172}"/>
              </a:ext>
            </a:extLst>
          </p:cNvPr>
          <p:cNvPicPr>
            <a:picLocks noChangeAspect="1"/>
          </p:cNvPicPr>
          <p:nvPr/>
        </p:nvPicPr>
        <p:blipFill>
          <a:blip r:embed="rId69" cstate="email">
            <a:extLst>
              <a:ext uri="{28A0092B-C50C-407E-A947-70E740481C1C}">
                <a14:useLocalDpi xmlns:a14="http://schemas.microsoft.com/office/drawing/2010/main"/>
              </a:ext>
              <a:ext uri="{96DAC541-7B7A-43D3-8B79-37D633B846F1}">
                <asvg:svgBlip xmlns:asvg="http://schemas.microsoft.com/office/drawing/2016/SVG/main" r:embed="rId70"/>
              </a:ext>
            </a:extLst>
          </a:blip>
          <a:stretch>
            <a:fillRect/>
          </a:stretch>
        </p:blipFill>
        <p:spPr>
          <a:xfrm>
            <a:off x="2415005" y="5875210"/>
            <a:ext cx="609715" cy="357293"/>
          </a:xfrm>
          <a:prstGeom prst="rect">
            <a:avLst/>
          </a:prstGeom>
        </p:spPr>
      </p:pic>
      <p:pic>
        <p:nvPicPr>
          <p:cNvPr id="179" name="Picture 178" descr="A picture containing text, clipart&#10;&#10;Description automatically generated">
            <a:extLst>
              <a:ext uri="{FF2B5EF4-FFF2-40B4-BE49-F238E27FC236}">
                <a16:creationId xmlns:a16="http://schemas.microsoft.com/office/drawing/2014/main" id="{AEDC47BF-2A48-26C3-D804-C9EDA37B6AEF}"/>
              </a:ext>
            </a:extLst>
          </p:cNvPr>
          <p:cNvPicPr>
            <a:picLocks noChangeAspect="1"/>
          </p:cNvPicPr>
          <p:nvPr/>
        </p:nvPicPr>
        <p:blipFill>
          <a:blip r:embed="rId71" cstate="email">
            <a:extLst>
              <a:ext uri="{28A0092B-C50C-407E-A947-70E740481C1C}">
                <a14:useLocalDpi xmlns:a14="http://schemas.microsoft.com/office/drawing/2010/main"/>
              </a:ext>
            </a:extLst>
          </a:blip>
          <a:stretch>
            <a:fillRect/>
          </a:stretch>
        </p:blipFill>
        <p:spPr>
          <a:xfrm>
            <a:off x="4655124" y="5884879"/>
            <a:ext cx="1084308" cy="353159"/>
          </a:xfrm>
          <a:prstGeom prst="rect">
            <a:avLst/>
          </a:prstGeom>
        </p:spPr>
      </p:pic>
      <p:pic>
        <p:nvPicPr>
          <p:cNvPr id="180" name="Picture 179" descr="A blue and white sign&#10;&#10;Description automatically generated with low confidence">
            <a:extLst>
              <a:ext uri="{FF2B5EF4-FFF2-40B4-BE49-F238E27FC236}">
                <a16:creationId xmlns:a16="http://schemas.microsoft.com/office/drawing/2014/main" id="{F6C0A466-9033-E10B-A177-D28347FE6B24}"/>
              </a:ext>
            </a:extLst>
          </p:cNvPr>
          <p:cNvPicPr>
            <a:picLocks noChangeAspect="1"/>
          </p:cNvPicPr>
          <p:nvPr/>
        </p:nvPicPr>
        <p:blipFill>
          <a:blip r:embed="rId72" cstate="email">
            <a:clrChange>
              <a:clrFrom>
                <a:srgbClr val="F7F7F7"/>
              </a:clrFrom>
              <a:clrTo>
                <a:srgbClr val="F7F7F7">
                  <a:alpha val="0"/>
                </a:srgbClr>
              </a:clrTo>
            </a:clrChange>
            <a:extLst>
              <a:ext uri="{28A0092B-C50C-407E-A947-70E740481C1C}">
                <a14:useLocalDpi xmlns:a14="http://schemas.microsoft.com/office/drawing/2010/main"/>
              </a:ext>
            </a:extLst>
          </a:blip>
          <a:stretch>
            <a:fillRect/>
          </a:stretch>
        </p:blipFill>
        <p:spPr>
          <a:xfrm>
            <a:off x="5920946" y="5873894"/>
            <a:ext cx="855306" cy="371218"/>
          </a:xfrm>
          <a:prstGeom prst="rect">
            <a:avLst/>
          </a:prstGeom>
        </p:spPr>
      </p:pic>
      <p:pic>
        <p:nvPicPr>
          <p:cNvPr id="181" name="Picture 180" descr="Logo, company name&#10;&#10;Description automatically generated">
            <a:extLst>
              <a:ext uri="{FF2B5EF4-FFF2-40B4-BE49-F238E27FC236}">
                <a16:creationId xmlns:a16="http://schemas.microsoft.com/office/drawing/2014/main" id="{F344046D-1F50-14B1-F476-0D0D314290E5}"/>
              </a:ext>
            </a:extLst>
          </p:cNvPr>
          <p:cNvPicPr>
            <a:picLocks noChangeAspect="1"/>
          </p:cNvPicPr>
          <p:nvPr/>
        </p:nvPicPr>
        <p:blipFill>
          <a:blip r:embed="rId73" cstate="email">
            <a:extLst>
              <a:ext uri="{28A0092B-C50C-407E-A947-70E740481C1C}">
                <a14:useLocalDpi xmlns:a14="http://schemas.microsoft.com/office/drawing/2010/main"/>
              </a:ext>
            </a:extLst>
          </a:blip>
          <a:stretch>
            <a:fillRect/>
          </a:stretch>
        </p:blipFill>
        <p:spPr>
          <a:xfrm>
            <a:off x="7755119" y="5924759"/>
            <a:ext cx="1163819" cy="273397"/>
          </a:xfrm>
          <a:prstGeom prst="rect">
            <a:avLst/>
          </a:prstGeom>
        </p:spPr>
      </p:pic>
      <p:pic>
        <p:nvPicPr>
          <p:cNvPr id="182" name="Picture 181">
            <a:extLst>
              <a:ext uri="{FF2B5EF4-FFF2-40B4-BE49-F238E27FC236}">
                <a16:creationId xmlns:a16="http://schemas.microsoft.com/office/drawing/2014/main" id="{4AF28CFB-67F1-F931-29C3-456BAB437118}"/>
              </a:ext>
            </a:extLst>
          </p:cNvPr>
          <p:cNvPicPr>
            <a:picLocks noChangeAspect="1"/>
          </p:cNvPicPr>
          <p:nvPr/>
        </p:nvPicPr>
        <p:blipFill>
          <a:blip r:embed="rId74" cstate="email">
            <a:extLst>
              <a:ext uri="{28A0092B-C50C-407E-A947-70E740481C1C}">
                <a14:useLocalDpi xmlns:a14="http://schemas.microsoft.com/office/drawing/2010/main"/>
              </a:ext>
            </a:extLst>
          </a:blip>
          <a:stretch>
            <a:fillRect/>
          </a:stretch>
        </p:blipFill>
        <p:spPr>
          <a:xfrm>
            <a:off x="6957766" y="5792143"/>
            <a:ext cx="615839" cy="568959"/>
          </a:xfrm>
          <a:prstGeom prst="rect">
            <a:avLst/>
          </a:prstGeom>
        </p:spPr>
      </p:pic>
      <p:pic>
        <p:nvPicPr>
          <p:cNvPr id="183" name="Graphic 182">
            <a:extLst>
              <a:ext uri="{FF2B5EF4-FFF2-40B4-BE49-F238E27FC236}">
                <a16:creationId xmlns:a16="http://schemas.microsoft.com/office/drawing/2014/main" id="{49918881-A621-E79A-A947-AF31EDD16CD3}"/>
              </a:ext>
            </a:extLst>
          </p:cNvPr>
          <p:cNvPicPr>
            <a:picLocks noChangeAspect="1"/>
          </p:cNvPicPr>
          <p:nvPr/>
        </p:nvPicPr>
        <p:blipFill>
          <a:blip r:embed="rId75" cstate="email">
            <a:extLst>
              <a:ext uri="{28A0092B-C50C-407E-A947-70E740481C1C}">
                <a14:useLocalDpi xmlns:a14="http://schemas.microsoft.com/office/drawing/2010/main"/>
              </a:ext>
              <a:ext uri="{96DAC541-7B7A-43D3-8B79-37D633B846F1}">
                <asvg:svgBlip xmlns:asvg="http://schemas.microsoft.com/office/drawing/2016/SVG/main" r:embed="rId76"/>
              </a:ext>
            </a:extLst>
          </a:blip>
          <a:stretch>
            <a:fillRect/>
          </a:stretch>
        </p:blipFill>
        <p:spPr>
          <a:xfrm>
            <a:off x="9100452" y="5930194"/>
            <a:ext cx="682831" cy="247324"/>
          </a:xfrm>
          <a:prstGeom prst="rect">
            <a:avLst/>
          </a:prstGeom>
        </p:spPr>
      </p:pic>
      <p:pic>
        <p:nvPicPr>
          <p:cNvPr id="184" name="Picture 183" descr="A picture containing logo&#10;&#10;Description automatically generated">
            <a:extLst>
              <a:ext uri="{FF2B5EF4-FFF2-40B4-BE49-F238E27FC236}">
                <a16:creationId xmlns:a16="http://schemas.microsoft.com/office/drawing/2014/main" id="{454A3081-35E5-D147-43C6-6F5E424532DF}"/>
              </a:ext>
            </a:extLst>
          </p:cNvPr>
          <p:cNvPicPr>
            <a:picLocks noChangeAspect="1"/>
          </p:cNvPicPr>
          <p:nvPr/>
        </p:nvPicPr>
        <p:blipFill>
          <a:blip r:embed="rId77" cstate="email">
            <a:extLst>
              <a:ext uri="{28A0092B-C50C-407E-A947-70E740481C1C}">
                <a14:useLocalDpi xmlns:a14="http://schemas.microsoft.com/office/drawing/2010/main"/>
              </a:ext>
            </a:extLst>
          </a:blip>
          <a:stretch>
            <a:fillRect/>
          </a:stretch>
        </p:blipFill>
        <p:spPr>
          <a:xfrm>
            <a:off x="10938906" y="5866671"/>
            <a:ext cx="356214" cy="393022"/>
          </a:xfrm>
          <a:prstGeom prst="rect">
            <a:avLst/>
          </a:prstGeom>
        </p:spPr>
      </p:pic>
      <p:pic>
        <p:nvPicPr>
          <p:cNvPr id="185" name="Picture 184" descr="Shape&#10;&#10;Description automatically generated with medium confidence">
            <a:extLst>
              <a:ext uri="{FF2B5EF4-FFF2-40B4-BE49-F238E27FC236}">
                <a16:creationId xmlns:a16="http://schemas.microsoft.com/office/drawing/2014/main" id="{92AA62DF-96D4-9F39-3BCE-85DA99EE78CB}"/>
              </a:ext>
            </a:extLst>
          </p:cNvPr>
          <p:cNvPicPr>
            <a:picLocks noChangeAspect="1"/>
          </p:cNvPicPr>
          <p:nvPr/>
        </p:nvPicPr>
        <p:blipFill>
          <a:blip r:embed="rId78" cstate="email">
            <a:extLst>
              <a:ext uri="{28A0092B-C50C-407E-A947-70E740481C1C}">
                <a14:useLocalDpi xmlns:a14="http://schemas.microsoft.com/office/drawing/2010/main"/>
              </a:ext>
            </a:extLst>
          </a:blip>
          <a:stretch>
            <a:fillRect/>
          </a:stretch>
        </p:blipFill>
        <p:spPr>
          <a:xfrm>
            <a:off x="9964797" y="5931878"/>
            <a:ext cx="792595" cy="229851"/>
          </a:xfrm>
          <a:prstGeom prst="rect">
            <a:avLst/>
          </a:prstGeom>
        </p:spPr>
      </p:pic>
    </p:spTree>
    <p:extLst>
      <p:ext uri="{BB962C8B-B14F-4D97-AF65-F5344CB8AC3E}">
        <p14:creationId xmlns:p14="http://schemas.microsoft.com/office/powerpoint/2010/main" val="3847053868"/>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B083286-7973-2569-33DD-6A342CC015BE}"/>
              </a:ext>
            </a:extLst>
          </p:cNvPr>
          <p:cNvSpPr>
            <a:spLocks noGrp="1"/>
          </p:cNvSpPr>
          <p:nvPr>
            <p:ph type="title"/>
          </p:nvPr>
        </p:nvSpPr>
        <p:spPr/>
        <p:txBody>
          <a:bodyPr/>
          <a:lstStyle/>
          <a:p>
            <a:r>
              <a:rPr lang="en-IN"/>
              <a:t>AWARDS &amp; RECOGNITION</a:t>
            </a:r>
          </a:p>
        </p:txBody>
      </p:sp>
      <p:cxnSp>
        <p:nvCxnSpPr>
          <p:cNvPr id="4" name="Connector: Elbow 1">
            <a:extLst>
              <a:ext uri="{FF2B5EF4-FFF2-40B4-BE49-F238E27FC236}">
                <a16:creationId xmlns:a16="http://schemas.microsoft.com/office/drawing/2014/main" id="{DB995DAA-FD73-EB33-8EB7-2F926CA300FC}"/>
              </a:ext>
            </a:extLst>
          </p:cNvPr>
          <p:cNvCxnSpPr>
            <a:cxnSpLocks/>
            <a:stCxn id="31" idx="2"/>
            <a:endCxn id="7" idx="4"/>
          </p:cNvCxnSpPr>
          <p:nvPr/>
        </p:nvCxnSpPr>
        <p:spPr>
          <a:xfrm flipH="1" flipV="1">
            <a:off x="621089" y="5557914"/>
            <a:ext cx="10960265" cy="1"/>
          </a:xfrm>
          <a:prstGeom prst="straightConnector1">
            <a:avLst/>
          </a:prstGeom>
          <a:ln>
            <a:solidFill>
              <a:srgbClr val="DAE3F3"/>
            </a:solidFill>
          </a:ln>
        </p:spPr>
        <p:style>
          <a:lnRef idx="1">
            <a:schemeClr val="accent1"/>
          </a:lnRef>
          <a:fillRef idx="0">
            <a:schemeClr val="accent1"/>
          </a:fillRef>
          <a:effectRef idx="0">
            <a:schemeClr val="accent1"/>
          </a:effectRef>
          <a:fontRef idx="minor">
            <a:schemeClr val="tx1"/>
          </a:fontRef>
        </p:style>
      </p:cxnSp>
      <p:sp>
        <p:nvSpPr>
          <p:cNvPr id="5" name="TextBox 4">
            <a:extLst>
              <a:ext uri="{FF2B5EF4-FFF2-40B4-BE49-F238E27FC236}">
                <a16:creationId xmlns:a16="http://schemas.microsoft.com/office/drawing/2014/main" id="{45FE0F15-6358-874A-040D-0C62A638B481}"/>
              </a:ext>
            </a:extLst>
          </p:cNvPr>
          <p:cNvSpPr txBox="1"/>
          <p:nvPr/>
        </p:nvSpPr>
        <p:spPr>
          <a:xfrm>
            <a:off x="415586" y="1190906"/>
            <a:ext cx="11360828" cy="754694"/>
          </a:xfrm>
          <a:prstGeom prst="rect">
            <a:avLst/>
          </a:prstGeom>
          <a:noFill/>
        </p:spPr>
        <p:txBody>
          <a:bodyPr wrap="square">
            <a:spAutoFit/>
          </a:bodyPr>
          <a:lstStyle/>
          <a:p>
            <a:pPr algn="ctr">
              <a:lnSpc>
                <a:spcPct val="150000"/>
              </a:lnSpc>
            </a:pPr>
            <a:r>
              <a:rPr lang="en-US" sz="3200">
                <a:solidFill>
                  <a:srgbClr val="3C73C4">
                    <a:alpha val="50000"/>
                  </a:srgbClr>
                </a:solidFill>
                <a:latin typeface="ITC Avant Garde Pro Bk" panose="020B0502020202020204" pitchFamily="34" charset="0"/>
                <a:ea typeface="Roboto Condensed Light" panose="02000000000000000000" pitchFamily="2" charset="0"/>
              </a:rPr>
              <a:t>AWARDS</a:t>
            </a:r>
            <a:r>
              <a:rPr lang="en-US" sz="3200">
                <a:solidFill>
                  <a:schemeClr val="tx1">
                    <a:alpha val="50000"/>
                  </a:schemeClr>
                </a:solidFill>
                <a:latin typeface="ITC Avant Garde Pro Bk" panose="020B0502020202020204" pitchFamily="34" charset="0"/>
                <a:ea typeface="Roboto Condensed Light" panose="02000000000000000000" pitchFamily="2" charset="0"/>
              </a:rPr>
              <a:t> </a:t>
            </a:r>
            <a:r>
              <a:rPr lang="en-US" sz="3200" b="1">
                <a:solidFill>
                  <a:schemeClr val="bg1">
                    <a:lumMod val="75000"/>
                    <a:alpha val="50000"/>
                  </a:schemeClr>
                </a:solidFill>
                <a:latin typeface="ITC Avant Garde Pro Bk" panose="020B0502020202020204" pitchFamily="34" charset="0"/>
                <a:ea typeface="Roboto Condensed Light" panose="02000000000000000000" pitchFamily="2" charset="0"/>
              </a:rPr>
              <a:t>and</a:t>
            </a:r>
            <a:r>
              <a:rPr lang="en-US" sz="3200">
                <a:solidFill>
                  <a:schemeClr val="tx1">
                    <a:alpha val="50000"/>
                  </a:schemeClr>
                </a:solidFill>
                <a:latin typeface="ITC Avant Garde Pro Bk" panose="020B0502020202020204" pitchFamily="34" charset="0"/>
                <a:ea typeface="Roboto Condensed Light" panose="02000000000000000000" pitchFamily="2" charset="0"/>
              </a:rPr>
              <a:t> </a:t>
            </a:r>
            <a:r>
              <a:rPr lang="en-US" sz="3200">
                <a:solidFill>
                  <a:srgbClr val="95C740">
                    <a:alpha val="50000"/>
                  </a:srgbClr>
                </a:solidFill>
                <a:latin typeface="ITC Avant Garde Pro Bk" panose="020B0502020202020204" pitchFamily="34" charset="0"/>
                <a:ea typeface="Roboto Condensed Light" panose="02000000000000000000" pitchFamily="2" charset="0"/>
              </a:rPr>
              <a:t>RECOGNITION</a:t>
            </a:r>
            <a:endParaRPr lang="en-IN" sz="3200">
              <a:solidFill>
                <a:srgbClr val="95C740">
                  <a:alpha val="50000"/>
                </a:srgbClr>
              </a:solidFill>
              <a:latin typeface="ITC Avant Garde Pro Bk" panose="020B0502020202020204" pitchFamily="34" charset="0"/>
              <a:ea typeface="Roboto Condensed Light" panose="02000000000000000000" pitchFamily="2" charset="0"/>
            </a:endParaRPr>
          </a:p>
        </p:txBody>
      </p:sp>
      <p:sp>
        <p:nvSpPr>
          <p:cNvPr id="6" name="Rectangle 5">
            <a:extLst>
              <a:ext uri="{FF2B5EF4-FFF2-40B4-BE49-F238E27FC236}">
                <a16:creationId xmlns:a16="http://schemas.microsoft.com/office/drawing/2014/main" id="{207FD785-5C79-0018-91EA-7074857EB655}"/>
              </a:ext>
            </a:extLst>
          </p:cNvPr>
          <p:cNvSpPr/>
          <p:nvPr/>
        </p:nvSpPr>
        <p:spPr>
          <a:xfrm>
            <a:off x="0" y="5995420"/>
            <a:ext cx="12192000" cy="882728"/>
          </a:xfrm>
          <a:prstGeom prst="rect">
            <a:avLst/>
          </a:prstGeom>
          <a:solidFill>
            <a:srgbClr val="B4C7E7"/>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7" name="Hexagon 6">
            <a:extLst>
              <a:ext uri="{FF2B5EF4-FFF2-40B4-BE49-F238E27FC236}">
                <a16:creationId xmlns:a16="http://schemas.microsoft.com/office/drawing/2014/main" id="{19C56B9D-0919-620D-2397-89419EF7B498}"/>
              </a:ext>
            </a:extLst>
          </p:cNvPr>
          <p:cNvSpPr/>
          <p:nvPr/>
        </p:nvSpPr>
        <p:spPr>
          <a:xfrm rot="16200000">
            <a:off x="551104" y="4571349"/>
            <a:ext cx="1362076" cy="1222107"/>
          </a:xfrm>
          <a:prstGeom prst="hexagon">
            <a:avLst/>
          </a:prstGeom>
          <a:solidFill>
            <a:schemeClr val="bg1"/>
          </a:solidFill>
          <a:ln>
            <a:solidFill>
              <a:srgbClr val="A6A6A6"/>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8" name="Arrow: Chevron 7">
            <a:extLst>
              <a:ext uri="{FF2B5EF4-FFF2-40B4-BE49-F238E27FC236}">
                <a16:creationId xmlns:a16="http://schemas.microsoft.com/office/drawing/2014/main" id="{36BB5EE6-3E47-166B-D707-D032E0DCB5AB}"/>
              </a:ext>
            </a:extLst>
          </p:cNvPr>
          <p:cNvSpPr/>
          <p:nvPr/>
        </p:nvSpPr>
        <p:spPr>
          <a:xfrm rot="16200000">
            <a:off x="744928" y="5453717"/>
            <a:ext cx="974425" cy="539750"/>
          </a:xfrm>
          <a:prstGeom prst="chevron">
            <a:avLst>
              <a:gd name="adj" fmla="val 38824"/>
            </a:avLst>
          </a:prstGeom>
          <a:solidFill>
            <a:srgbClr val="CEDBEF"/>
          </a:solidFill>
          <a:ln>
            <a:noFill/>
          </a:ln>
          <a:effectLst>
            <a:outerShdw blurRad="63500" sx="102000" sy="102000" algn="ctr" rotWithShape="0">
              <a:prstClr val="black">
                <a:alpha val="5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solidFill>
                <a:schemeClr val="tx1"/>
              </a:solidFill>
            </a:endParaRPr>
          </a:p>
        </p:txBody>
      </p:sp>
      <p:sp>
        <p:nvSpPr>
          <p:cNvPr id="9" name="Hexagon 8">
            <a:extLst>
              <a:ext uri="{FF2B5EF4-FFF2-40B4-BE49-F238E27FC236}">
                <a16:creationId xmlns:a16="http://schemas.microsoft.com/office/drawing/2014/main" id="{452412E2-757E-F314-271A-B91C83A6A2BE}"/>
              </a:ext>
            </a:extLst>
          </p:cNvPr>
          <p:cNvSpPr/>
          <p:nvPr/>
        </p:nvSpPr>
        <p:spPr>
          <a:xfrm rot="16200000">
            <a:off x="646338" y="4677985"/>
            <a:ext cx="1171606" cy="1010005"/>
          </a:xfrm>
          <a:prstGeom prst="hexagon">
            <a:avLst/>
          </a:prstGeom>
          <a:solidFill>
            <a:schemeClr val="bg1"/>
          </a:solidFill>
          <a:ln>
            <a:noFill/>
          </a:ln>
          <a:effectLst>
            <a:outerShdw blurRad="63500" sx="102000" sy="102000" algn="ctr" rotWithShape="0">
              <a:prstClr val="black">
                <a:alpha val="1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pic>
        <p:nvPicPr>
          <p:cNvPr id="10" name="Picture 9" descr="A picture containing text, logo, electric blue, font&#10;&#10;Description automatically generated">
            <a:extLst>
              <a:ext uri="{FF2B5EF4-FFF2-40B4-BE49-F238E27FC236}">
                <a16:creationId xmlns:a16="http://schemas.microsoft.com/office/drawing/2014/main" id="{1A5B5BDF-7EF7-55D8-EFA9-82C558C91E97}"/>
              </a:ext>
            </a:extLst>
          </p:cNvPr>
          <p:cNvPicPr>
            <a:picLocks noChangeAspect="1"/>
          </p:cNvPicPr>
          <p:nvPr/>
        </p:nvPicPr>
        <p:blipFill rotWithShape="1">
          <a:blip r:embed="rId2" cstate="screen">
            <a:clrChange>
              <a:clrFrom>
                <a:srgbClr val="FFFFFF"/>
              </a:clrFrom>
              <a:clrTo>
                <a:srgbClr val="FFFFFF">
                  <a:alpha val="0"/>
                </a:srgbClr>
              </a:clrTo>
            </a:clrChange>
            <a:extLst>
              <a:ext uri="{28A0092B-C50C-407E-A947-70E740481C1C}">
                <a14:useLocalDpi xmlns:a14="http://schemas.microsoft.com/office/drawing/2010/main"/>
              </a:ext>
            </a:extLst>
          </a:blip>
          <a:srcRect/>
          <a:stretch/>
        </p:blipFill>
        <p:spPr>
          <a:xfrm>
            <a:off x="754597" y="4801677"/>
            <a:ext cx="955090" cy="645195"/>
          </a:xfrm>
          <a:prstGeom prst="rect">
            <a:avLst/>
          </a:prstGeom>
        </p:spPr>
      </p:pic>
      <p:sp>
        <p:nvSpPr>
          <p:cNvPr id="11" name="Hexagon 10">
            <a:extLst>
              <a:ext uri="{FF2B5EF4-FFF2-40B4-BE49-F238E27FC236}">
                <a16:creationId xmlns:a16="http://schemas.microsoft.com/office/drawing/2014/main" id="{ABF492B2-6B63-499D-EA5F-3F445FF99A2B}"/>
              </a:ext>
            </a:extLst>
          </p:cNvPr>
          <p:cNvSpPr/>
          <p:nvPr/>
        </p:nvSpPr>
        <p:spPr>
          <a:xfrm rot="16200000">
            <a:off x="2154818" y="4571350"/>
            <a:ext cx="1362076" cy="1222107"/>
          </a:xfrm>
          <a:prstGeom prst="hexagon">
            <a:avLst/>
          </a:prstGeom>
          <a:solidFill>
            <a:schemeClr val="bg1"/>
          </a:solidFill>
          <a:ln>
            <a:solidFill>
              <a:srgbClr val="A6A6A6"/>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2" name="Arrow: Chevron 11">
            <a:extLst>
              <a:ext uri="{FF2B5EF4-FFF2-40B4-BE49-F238E27FC236}">
                <a16:creationId xmlns:a16="http://schemas.microsoft.com/office/drawing/2014/main" id="{5321A816-E8D3-EDE9-5782-2C5098C51C93}"/>
              </a:ext>
            </a:extLst>
          </p:cNvPr>
          <p:cNvSpPr/>
          <p:nvPr/>
        </p:nvSpPr>
        <p:spPr>
          <a:xfrm rot="16200000">
            <a:off x="2348642" y="5453718"/>
            <a:ext cx="974425" cy="539750"/>
          </a:xfrm>
          <a:prstGeom prst="chevron">
            <a:avLst>
              <a:gd name="adj" fmla="val 38824"/>
            </a:avLst>
          </a:prstGeom>
          <a:solidFill>
            <a:srgbClr val="CEDBEF"/>
          </a:solidFill>
          <a:ln>
            <a:noFill/>
          </a:ln>
          <a:effectLst>
            <a:outerShdw blurRad="63500" sx="102000" sy="102000" algn="ctr" rotWithShape="0">
              <a:prstClr val="black">
                <a:alpha val="5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solidFill>
                <a:schemeClr val="tx1"/>
              </a:solidFill>
            </a:endParaRPr>
          </a:p>
        </p:txBody>
      </p:sp>
      <p:sp>
        <p:nvSpPr>
          <p:cNvPr id="13" name="Hexagon 12">
            <a:extLst>
              <a:ext uri="{FF2B5EF4-FFF2-40B4-BE49-F238E27FC236}">
                <a16:creationId xmlns:a16="http://schemas.microsoft.com/office/drawing/2014/main" id="{061A14CA-E3B8-977A-871B-9BAA34BB0BC5}"/>
              </a:ext>
            </a:extLst>
          </p:cNvPr>
          <p:cNvSpPr/>
          <p:nvPr/>
        </p:nvSpPr>
        <p:spPr>
          <a:xfrm rot="16200000">
            <a:off x="2250052" y="4677986"/>
            <a:ext cx="1171606" cy="1010005"/>
          </a:xfrm>
          <a:prstGeom prst="hexagon">
            <a:avLst/>
          </a:prstGeom>
          <a:solidFill>
            <a:schemeClr val="bg1"/>
          </a:solidFill>
          <a:ln>
            <a:noFill/>
          </a:ln>
          <a:effectLst>
            <a:outerShdw blurRad="63500" sx="102000" sy="102000" algn="ctr" rotWithShape="0">
              <a:prstClr val="black">
                <a:alpha val="1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pic>
        <p:nvPicPr>
          <p:cNvPr id="14" name="Picture 13" descr="A gold circle with blue ribbons&#10;&#10;Description automatically generated with low confidence">
            <a:extLst>
              <a:ext uri="{FF2B5EF4-FFF2-40B4-BE49-F238E27FC236}">
                <a16:creationId xmlns:a16="http://schemas.microsoft.com/office/drawing/2014/main" id="{06BE28CB-9DFB-C4F4-2187-220C9A03CB8F}"/>
              </a:ext>
            </a:extLst>
          </p:cNvPr>
          <p:cNvPicPr>
            <a:picLocks noChangeAspect="1"/>
          </p:cNvPicPr>
          <p:nvPr/>
        </p:nvPicPr>
        <p:blipFill rotWithShape="1">
          <a:blip r:embed="rId3" cstate="screen">
            <a:clrChange>
              <a:clrFrom>
                <a:srgbClr val="FFFFFF"/>
              </a:clrFrom>
              <a:clrTo>
                <a:srgbClr val="FFFFFF">
                  <a:alpha val="0"/>
                </a:srgbClr>
              </a:clrTo>
            </a:clrChange>
            <a:extLst>
              <a:ext uri="{28A0092B-C50C-407E-A947-70E740481C1C}">
                <a14:useLocalDpi xmlns:a14="http://schemas.microsoft.com/office/drawing/2010/main"/>
              </a:ext>
            </a:extLst>
          </a:blip>
          <a:srcRect/>
          <a:stretch/>
        </p:blipFill>
        <p:spPr>
          <a:xfrm>
            <a:off x="2403283" y="4831006"/>
            <a:ext cx="865145" cy="586541"/>
          </a:xfrm>
          <a:prstGeom prst="rect">
            <a:avLst/>
          </a:prstGeom>
        </p:spPr>
      </p:pic>
      <p:sp>
        <p:nvSpPr>
          <p:cNvPr id="15" name="Hexagon 14">
            <a:extLst>
              <a:ext uri="{FF2B5EF4-FFF2-40B4-BE49-F238E27FC236}">
                <a16:creationId xmlns:a16="http://schemas.microsoft.com/office/drawing/2014/main" id="{FA703647-85BE-AEFB-8FB4-D6422A149BA5}"/>
              </a:ext>
            </a:extLst>
          </p:cNvPr>
          <p:cNvSpPr/>
          <p:nvPr/>
        </p:nvSpPr>
        <p:spPr>
          <a:xfrm rot="16200000">
            <a:off x="3784890" y="4571350"/>
            <a:ext cx="1362076" cy="1222107"/>
          </a:xfrm>
          <a:prstGeom prst="hexagon">
            <a:avLst/>
          </a:prstGeom>
          <a:solidFill>
            <a:schemeClr val="bg1"/>
          </a:solidFill>
          <a:ln>
            <a:solidFill>
              <a:srgbClr val="A6A6A6"/>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6" name="Arrow: Chevron 15">
            <a:extLst>
              <a:ext uri="{FF2B5EF4-FFF2-40B4-BE49-F238E27FC236}">
                <a16:creationId xmlns:a16="http://schemas.microsoft.com/office/drawing/2014/main" id="{D36EBAD5-13B0-E927-1348-5B611FD41060}"/>
              </a:ext>
            </a:extLst>
          </p:cNvPr>
          <p:cNvSpPr/>
          <p:nvPr/>
        </p:nvSpPr>
        <p:spPr>
          <a:xfrm rot="16200000">
            <a:off x="3978714" y="5453718"/>
            <a:ext cx="974425" cy="539750"/>
          </a:xfrm>
          <a:prstGeom prst="chevron">
            <a:avLst>
              <a:gd name="adj" fmla="val 38824"/>
            </a:avLst>
          </a:prstGeom>
          <a:solidFill>
            <a:srgbClr val="CEDBEF"/>
          </a:solidFill>
          <a:ln>
            <a:noFill/>
          </a:ln>
          <a:effectLst>
            <a:outerShdw blurRad="63500" sx="102000" sy="102000" algn="ctr" rotWithShape="0">
              <a:prstClr val="black">
                <a:alpha val="5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solidFill>
                <a:schemeClr val="tx1"/>
              </a:solidFill>
            </a:endParaRPr>
          </a:p>
        </p:txBody>
      </p:sp>
      <p:sp>
        <p:nvSpPr>
          <p:cNvPr id="17" name="Hexagon 16">
            <a:extLst>
              <a:ext uri="{FF2B5EF4-FFF2-40B4-BE49-F238E27FC236}">
                <a16:creationId xmlns:a16="http://schemas.microsoft.com/office/drawing/2014/main" id="{B725342F-EFB6-6D4F-F006-C8CC5D3F451E}"/>
              </a:ext>
            </a:extLst>
          </p:cNvPr>
          <p:cNvSpPr/>
          <p:nvPr/>
        </p:nvSpPr>
        <p:spPr>
          <a:xfrm rot="16200000">
            <a:off x="3880124" y="4677986"/>
            <a:ext cx="1171606" cy="1010005"/>
          </a:xfrm>
          <a:prstGeom prst="hexagon">
            <a:avLst/>
          </a:prstGeom>
          <a:solidFill>
            <a:schemeClr val="bg1"/>
          </a:solidFill>
          <a:ln>
            <a:noFill/>
          </a:ln>
          <a:effectLst>
            <a:outerShdw blurRad="63500" sx="102000" sy="102000" algn="ctr" rotWithShape="0">
              <a:prstClr val="black">
                <a:alpha val="1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pic>
        <p:nvPicPr>
          <p:cNvPr id="18" name="Graphic 17">
            <a:extLst>
              <a:ext uri="{FF2B5EF4-FFF2-40B4-BE49-F238E27FC236}">
                <a16:creationId xmlns:a16="http://schemas.microsoft.com/office/drawing/2014/main" id="{72CEA13F-762B-C5E0-378D-23896E913DE6}"/>
              </a:ext>
            </a:extLst>
          </p:cNvPr>
          <p:cNvPicPr>
            <a:picLocks noChangeAspect="1"/>
          </p:cNvPicPr>
          <p:nvPr/>
        </p:nvPicPr>
        <p:blipFill>
          <a:blip r:embed="rId4" cstate="screen">
            <a:extLst>
              <a:ext uri="{28A0092B-C50C-407E-A947-70E740481C1C}">
                <a14:useLocalDpi xmlns:a14="http://schemas.microsoft.com/office/drawing/2010/main"/>
              </a:ext>
              <a:ext uri="{96DAC541-7B7A-43D3-8B79-37D633B846F1}">
                <asvg:svgBlip xmlns:asvg="http://schemas.microsoft.com/office/drawing/2016/SVG/main" r:embed="rId5"/>
              </a:ext>
            </a:extLst>
          </a:blip>
          <a:stretch>
            <a:fillRect/>
          </a:stretch>
        </p:blipFill>
        <p:spPr>
          <a:xfrm>
            <a:off x="4006261" y="5077367"/>
            <a:ext cx="910487" cy="201411"/>
          </a:xfrm>
          <a:prstGeom prst="rect">
            <a:avLst/>
          </a:prstGeom>
        </p:spPr>
      </p:pic>
      <p:sp>
        <p:nvSpPr>
          <p:cNvPr id="19" name="Hexagon 18">
            <a:extLst>
              <a:ext uri="{FF2B5EF4-FFF2-40B4-BE49-F238E27FC236}">
                <a16:creationId xmlns:a16="http://schemas.microsoft.com/office/drawing/2014/main" id="{811B1E33-3471-EC19-D666-6D3EB3952D2F}"/>
              </a:ext>
            </a:extLst>
          </p:cNvPr>
          <p:cNvSpPr/>
          <p:nvPr/>
        </p:nvSpPr>
        <p:spPr>
          <a:xfrm rot="16200000">
            <a:off x="5436463" y="4571350"/>
            <a:ext cx="1362076" cy="1222107"/>
          </a:xfrm>
          <a:prstGeom prst="hexagon">
            <a:avLst/>
          </a:prstGeom>
          <a:solidFill>
            <a:schemeClr val="bg1"/>
          </a:solidFill>
          <a:ln>
            <a:solidFill>
              <a:srgbClr val="A6A6A6"/>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20" name="Arrow: Chevron 19">
            <a:extLst>
              <a:ext uri="{FF2B5EF4-FFF2-40B4-BE49-F238E27FC236}">
                <a16:creationId xmlns:a16="http://schemas.microsoft.com/office/drawing/2014/main" id="{D6350762-6B85-E8D3-33FF-DAE3D99F5909}"/>
              </a:ext>
            </a:extLst>
          </p:cNvPr>
          <p:cNvSpPr/>
          <p:nvPr/>
        </p:nvSpPr>
        <p:spPr>
          <a:xfrm rot="16200000">
            <a:off x="5630287" y="5453718"/>
            <a:ext cx="974425" cy="539750"/>
          </a:xfrm>
          <a:prstGeom prst="chevron">
            <a:avLst>
              <a:gd name="adj" fmla="val 38824"/>
            </a:avLst>
          </a:prstGeom>
          <a:solidFill>
            <a:srgbClr val="CEDBEF"/>
          </a:solidFill>
          <a:ln>
            <a:noFill/>
          </a:ln>
          <a:effectLst>
            <a:outerShdw blurRad="63500" sx="102000" sy="102000" algn="ctr" rotWithShape="0">
              <a:prstClr val="black">
                <a:alpha val="5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solidFill>
                <a:schemeClr val="tx1"/>
              </a:solidFill>
            </a:endParaRPr>
          </a:p>
        </p:txBody>
      </p:sp>
      <p:sp>
        <p:nvSpPr>
          <p:cNvPr id="21" name="Hexagon 20">
            <a:extLst>
              <a:ext uri="{FF2B5EF4-FFF2-40B4-BE49-F238E27FC236}">
                <a16:creationId xmlns:a16="http://schemas.microsoft.com/office/drawing/2014/main" id="{B3859E2A-C351-F518-48C6-F4033B79E9CE}"/>
              </a:ext>
            </a:extLst>
          </p:cNvPr>
          <p:cNvSpPr/>
          <p:nvPr/>
        </p:nvSpPr>
        <p:spPr>
          <a:xfrm rot="16200000">
            <a:off x="5531697" y="4677986"/>
            <a:ext cx="1171606" cy="1010005"/>
          </a:xfrm>
          <a:prstGeom prst="hexagon">
            <a:avLst/>
          </a:prstGeom>
          <a:solidFill>
            <a:schemeClr val="bg1"/>
          </a:solidFill>
          <a:ln>
            <a:noFill/>
          </a:ln>
          <a:effectLst>
            <a:outerShdw blurRad="63500" sx="102000" sy="102000" algn="ctr" rotWithShape="0">
              <a:prstClr val="black">
                <a:alpha val="1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pic>
        <p:nvPicPr>
          <p:cNvPr id="22" name="Picture 21" descr="A picture containing text, font, graphic design, brand&#10;&#10;Description automatically generated">
            <a:extLst>
              <a:ext uri="{FF2B5EF4-FFF2-40B4-BE49-F238E27FC236}">
                <a16:creationId xmlns:a16="http://schemas.microsoft.com/office/drawing/2014/main" id="{43545547-6B44-EB64-7418-26FF13859AB0}"/>
              </a:ext>
            </a:extLst>
          </p:cNvPr>
          <p:cNvPicPr>
            <a:picLocks noChangeAspect="1"/>
          </p:cNvPicPr>
          <p:nvPr/>
        </p:nvPicPr>
        <p:blipFill rotWithShape="1">
          <a:blip r:embed="rId6" cstate="screen">
            <a:extLst>
              <a:ext uri="{28A0092B-C50C-407E-A947-70E740481C1C}">
                <a14:useLocalDpi xmlns:a14="http://schemas.microsoft.com/office/drawing/2010/main"/>
              </a:ext>
            </a:extLst>
          </a:blip>
          <a:srcRect r="38048"/>
          <a:stretch/>
        </p:blipFill>
        <p:spPr>
          <a:xfrm>
            <a:off x="5887602" y="4870023"/>
            <a:ext cx="509626" cy="645195"/>
          </a:xfrm>
          <a:prstGeom prst="rect">
            <a:avLst/>
          </a:prstGeom>
        </p:spPr>
      </p:pic>
      <p:sp>
        <p:nvSpPr>
          <p:cNvPr id="23" name="Hexagon 22">
            <a:extLst>
              <a:ext uri="{FF2B5EF4-FFF2-40B4-BE49-F238E27FC236}">
                <a16:creationId xmlns:a16="http://schemas.microsoft.com/office/drawing/2014/main" id="{1F9C23D4-F679-7897-DBD1-F32CB6712AF7}"/>
              </a:ext>
            </a:extLst>
          </p:cNvPr>
          <p:cNvSpPr/>
          <p:nvPr/>
        </p:nvSpPr>
        <p:spPr>
          <a:xfrm rot="16200000">
            <a:off x="7076489" y="4571350"/>
            <a:ext cx="1362076" cy="1222107"/>
          </a:xfrm>
          <a:prstGeom prst="hexagon">
            <a:avLst/>
          </a:prstGeom>
          <a:solidFill>
            <a:schemeClr val="bg1"/>
          </a:solidFill>
          <a:ln>
            <a:solidFill>
              <a:srgbClr val="A6A6A6"/>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24" name="Arrow: Chevron 23">
            <a:extLst>
              <a:ext uri="{FF2B5EF4-FFF2-40B4-BE49-F238E27FC236}">
                <a16:creationId xmlns:a16="http://schemas.microsoft.com/office/drawing/2014/main" id="{16A794CE-FD25-5B87-CFDA-2EE513782D3B}"/>
              </a:ext>
            </a:extLst>
          </p:cNvPr>
          <p:cNvSpPr/>
          <p:nvPr/>
        </p:nvSpPr>
        <p:spPr>
          <a:xfrm rot="16200000">
            <a:off x="7270313" y="5453718"/>
            <a:ext cx="974425" cy="539750"/>
          </a:xfrm>
          <a:prstGeom prst="chevron">
            <a:avLst>
              <a:gd name="adj" fmla="val 38824"/>
            </a:avLst>
          </a:prstGeom>
          <a:solidFill>
            <a:srgbClr val="CEDBEF"/>
          </a:solidFill>
          <a:ln>
            <a:noFill/>
          </a:ln>
          <a:effectLst>
            <a:outerShdw blurRad="63500" sx="102000" sy="102000" algn="ctr" rotWithShape="0">
              <a:prstClr val="black">
                <a:alpha val="5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solidFill>
                <a:schemeClr val="tx1"/>
              </a:solidFill>
            </a:endParaRPr>
          </a:p>
        </p:txBody>
      </p:sp>
      <p:sp>
        <p:nvSpPr>
          <p:cNvPr id="25" name="Hexagon 24">
            <a:extLst>
              <a:ext uri="{FF2B5EF4-FFF2-40B4-BE49-F238E27FC236}">
                <a16:creationId xmlns:a16="http://schemas.microsoft.com/office/drawing/2014/main" id="{2DA86C4F-2F10-4A28-D516-F4EE6458CCD5}"/>
              </a:ext>
            </a:extLst>
          </p:cNvPr>
          <p:cNvSpPr/>
          <p:nvPr/>
        </p:nvSpPr>
        <p:spPr>
          <a:xfrm rot="16200000">
            <a:off x="7171723" y="4677986"/>
            <a:ext cx="1171606" cy="1010005"/>
          </a:xfrm>
          <a:prstGeom prst="hexagon">
            <a:avLst/>
          </a:prstGeom>
          <a:solidFill>
            <a:schemeClr val="bg1"/>
          </a:solidFill>
          <a:ln>
            <a:noFill/>
          </a:ln>
          <a:effectLst>
            <a:outerShdw blurRad="63500" sx="102000" sy="102000" algn="ctr" rotWithShape="0">
              <a:prstClr val="black">
                <a:alpha val="1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pic>
        <p:nvPicPr>
          <p:cNvPr id="26" name="Picture 25" descr="A picture containing text, font, logo, brand&#10;&#10;Description automatically generated">
            <a:extLst>
              <a:ext uri="{FF2B5EF4-FFF2-40B4-BE49-F238E27FC236}">
                <a16:creationId xmlns:a16="http://schemas.microsoft.com/office/drawing/2014/main" id="{74B70302-C26C-8FB6-6FD9-55221AA260E6}"/>
              </a:ext>
            </a:extLst>
          </p:cNvPr>
          <p:cNvPicPr>
            <a:picLocks noChangeAspect="1"/>
          </p:cNvPicPr>
          <p:nvPr/>
        </p:nvPicPr>
        <p:blipFill>
          <a:blip r:embed="rId7" cstate="screen">
            <a:extLst>
              <a:ext uri="{28A0092B-C50C-407E-A947-70E740481C1C}">
                <a14:useLocalDpi xmlns:a14="http://schemas.microsoft.com/office/drawing/2010/main"/>
              </a:ext>
            </a:extLst>
          </a:blip>
          <a:stretch>
            <a:fillRect/>
          </a:stretch>
        </p:blipFill>
        <p:spPr>
          <a:xfrm>
            <a:off x="7317633" y="4974735"/>
            <a:ext cx="878014" cy="400615"/>
          </a:xfrm>
          <a:prstGeom prst="rect">
            <a:avLst/>
          </a:prstGeom>
        </p:spPr>
      </p:pic>
      <p:sp>
        <p:nvSpPr>
          <p:cNvPr id="27" name="Hexagon 26">
            <a:extLst>
              <a:ext uri="{FF2B5EF4-FFF2-40B4-BE49-F238E27FC236}">
                <a16:creationId xmlns:a16="http://schemas.microsoft.com/office/drawing/2014/main" id="{47F80794-039A-018E-D0E3-E792BB4B0562}"/>
              </a:ext>
            </a:extLst>
          </p:cNvPr>
          <p:cNvSpPr/>
          <p:nvPr/>
        </p:nvSpPr>
        <p:spPr>
          <a:xfrm rot="16200000">
            <a:off x="8688143" y="4571350"/>
            <a:ext cx="1362076" cy="1222107"/>
          </a:xfrm>
          <a:prstGeom prst="hexagon">
            <a:avLst/>
          </a:prstGeom>
          <a:solidFill>
            <a:schemeClr val="bg1"/>
          </a:solidFill>
          <a:ln>
            <a:solidFill>
              <a:srgbClr val="A6A6A6"/>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28" name="Arrow: Chevron 27">
            <a:extLst>
              <a:ext uri="{FF2B5EF4-FFF2-40B4-BE49-F238E27FC236}">
                <a16:creationId xmlns:a16="http://schemas.microsoft.com/office/drawing/2014/main" id="{E6E1EA18-AB2D-5CFD-0FC6-98B74E91C017}"/>
              </a:ext>
            </a:extLst>
          </p:cNvPr>
          <p:cNvSpPr/>
          <p:nvPr/>
        </p:nvSpPr>
        <p:spPr>
          <a:xfrm rot="16200000">
            <a:off x="8881967" y="5453718"/>
            <a:ext cx="974425" cy="539750"/>
          </a:xfrm>
          <a:prstGeom prst="chevron">
            <a:avLst>
              <a:gd name="adj" fmla="val 38824"/>
            </a:avLst>
          </a:prstGeom>
          <a:solidFill>
            <a:srgbClr val="CEDBEF"/>
          </a:solidFill>
          <a:ln>
            <a:noFill/>
          </a:ln>
          <a:effectLst>
            <a:outerShdw blurRad="63500" sx="102000" sy="102000" algn="ctr" rotWithShape="0">
              <a:prstClr val="black">
                <a:alpha val="5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solidFill>
                <a:schemeClr val="tx1"/>
              </a:solidFill>
            </a:endParaRPr>
          </a:p>
        </p:txBody>
      </p:sp>
      <p:sp>
        <p:nvSpPr>
          <p:cNvPr id="29" name="Hexagon 28">
            <a:extLst>
              <a:ext uri="{FF2B5EF4-FFF2-40B4-BE49-F238E27FC236}">
                <a16:creationId xmlns:a16="http://schemas.microsoft.com/office/drawing/2014/main" id="{C8C780AB-95B6-876C-2C20-5E8BF5D4FC94}"/>
              </a:ext>
            </a:extLst>
          </p:cNvPr>
          <p:cNvSpPr/>
          <p:nvPr/>
        </p:nvSpPr>
        <p:spPr>
          <a:xfrm rot="16200000">
            <a:off x="8783377" y="4677986"/>
            <a:ext cx="1171606" cy="1010005"/>
          </a:xfrm>
          <a:prstGeom prst="hexagon">
            <a:avLst/>
          </a:prstGeom>
          <a:solidFill>
            <a:schemeClr val="bg1"/>
          </a:solidFill>
          <a:ln>
            <a:noFill/>
          </a:ln>
          <a:effectLst>
            <a:outerShdw blurRad="63500" sx="102000" sy="102000" algn="ctr" rotWithShape="0">
              <a:prstClr val="black">
                <a:alpha val="1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pic>
        <p:nvPicPr>
          <p:cNvPr id="30" name="Picture 29" descr="A logo for a conference&#10;&#10;Description automatically generated with low confidence">
            <a:extLst>
              <a:ext uri="{FF2B5EF4-FFF2-40B4-BE49-F238E27FC236}">
                <a16:creationId xmlns:a16="http://schemas.microsoft.com/office/drawing/2014/main" id="{E6A6B2D9-D6D9-6BF2-78A1-16EB1EB8493D}"/>
              </a:ext>
            </a:extLst>
          </p:cNvPr>
          <p:cNvPicPr>
            <a:picLocks noChangeAspect="1"/>
          </p:cNvPicPr>
          <p:nvPr/>
        </p:nvPicPr>
        <p:blipFill>
          <a:blip r:embed="rId8" cstate="screen">
            <a:extLst>
              <a:ext uri="{28A0092B-C50C-407E-A947-70E740481C1C}">
                <a14:useLocalDpi xmlns:a14="http://schemas.microsoft.com/office/drawing/2010/main"/>
              </a:ext>
            </a:extLst>
          </a:blip>
          <a:stretch>
            <a:fillRect/>
          </a:stretch>
        </p:blipFill>
        <p:spPr>
          <a:xfrm>
            <a:off x="8875766" y="4949910"/>
            <a:ext cx="986825" cy="450263"/>
          </a:xfrm>
          <a:prstGeom prst="rect">
            <a:avLst/>
          </a:prstGeom>
        </p:spPr>
      </p:pic>
      <p:sp>
        <p:nvSpPr>
          <p:cNvPr id="31" name="Hexagon 30">
            <a:extLst>
              <a:ext uri="{FF2B5EF4-FFF2-40B4-BE49-F238E27FC236}">
                <a16:creationId xmlns:a16="http://schemas.microsoft.com/office/drawing/2014/main" id="{53A24D20-2E0D-D181-2B71-423A3C5E2B57}"/>
              </a:ext>
            </a:extLst>
          </p:cNvPr>
          <p:cNvSpPr/>
          <p:nvPr/>
        </p:nvSpPr>
        <p:spPr>
          <a:xfrm rot="16200000">
            <a:off x="10289262" y="4571350"/>
            <a:ext cx="1362076" cy="1222107"/>
          </a:xfrm>
          <a:prstGeom prst="hexagon">
            <a:avLst/>
          </a:prstGeom>
          <a:solidFill>
            <a:schemeClr val="bg1"/>
          </a:solidFill>
          <a:ln>
            <a:solidFill>
              <a:srgbClr val="A6A6A6"/>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32" name="Arrow: Chevron 31">
            <a:extLst>
              <a:ext uri="{FF2B5EF4-FFF2-40B4-BE49-F238E27FC236}">
                <a16:creationId xmlns:a16="http://schemas.microsoft.com/office/drawing/2014/main" id="{2A1AF451-51F8-BFFE-2A63-EA0DA47AD8E3}"/>
              </a:ext>
            </a:extLst>
          </p:cNvPr>
          <p:cNvSpPr/>
          <p:nvPr/>
        </p:nvSpPr>
        <p:spPr>
          <a:xfrm rot="16200000">
            <a:off x="10483086" y="5453718"/>
            <a:ext cx="974425" cy="539750"/>
          </a:xfrm>
          <a:prstGeom prst="chevron">
            <a:avLst>
              <a:gd name="adj" fmla="val 38824"/>
            </a:avLst>
          </a:prstGeom>
          <a:solidFill>
            <a:srgbClr val="CEDBEF"/>
          </a:solidFill>
          <a:ln>
            <a:noFill/>
          </a:ln>
          <a:effectLst>
            <a:outerShdw blurRad="63500" sx="102000" sy="102000" algn="ctr" rotWithShape="0">
              <a:prstClr val="black">
                <a:alpha val="5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solidFill>
                <a:schemeClr val="tx1"/>
              </a:solidFill>
            </a:endParaRPr>
          </a:p>
        </p:txBody>
      </p:sp>
      <p:sp>
        <p:nvSpPr>
          <p:cNvPr id="33" name="Hexagon 32">
            <a:extLst>
              <a:ext uri="{FF2B5EF4-FFF2-40B4-BE49-F238E27FC236}">
                <a16:creationId xmlns:a16="http://schemas.microsoft.com/office/drawing/2014/main" id="{C6E1CC41-E704-6B95-DF1A-A6C49DE0EB97}"/>
              </a:ext>
            </a:extLst>
          </p:cNvPr>
          <p:cNvSpPr/>
          <p:nvPr/>
        </p:nvSpPr>
        <p:spPr>
          <a:xfrm rot="16200000">
            <a:off x="10384496" y="4677986"/>
            <a:ext cx="1171606" cy="1010005"/>
          </a:xfrm>
          <a:prstGeom prst="hexagon">
            <a:avLst/>
          </a:prstGeom>
          <a:solidFill>
            <a:schemeClr val="bg1"/>
          </a:solidFill>
          <a:ln>
            <a:noFill/>
          </a:ln>
          <a:effectLst>
            <a:outerShdw blurRad="63500" sx="102000" sy="102000" algn="ctr" rotWithShape="0">
              <a:prstClr val="black">
                <a:alpha val="1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pic>
        <p:nvPicPr>
          <p:cNvPr id="34" name="Picture 33" descr="A yellow line on a black background&#10;&#10;Description automatically generated with medium confidence">
            <a:extLst>
              <a:ext uri="{FF2B5EF4-FFF2-40B4-BE49-F238E27FC236}">
                <a16:creationId xmlns:a16="http://schemas.microsoft.com/office/drawing/2014/main" id="{899FB381-EAED-5986-3B48-8F6FA07A9A32}"/>
              </a:ext>
            </a:extLst>
          </p:cNvPr>
          <p:cNvPicPr>
            <a:picLocks noChangeAspect="1"/>
          </p:cNvPicPr>
          <p:nvPr/>
        </p:nvPicPr>
        <p:blipFill rotWithShape="1">
          <a:blip r:embed="rId9" cstate="screen">
            <a:extLst>
              <a:ext uri="{28A0092B-C50C-407E-A947-70E740481C1C}">
                <a14:useLocalDpi xmlns:a14="http://schemas.microsoft.com/office/drawing/2010/main"/>
              </a:ext>
            </a:extLst>
          </a:blip>
          <a:srcRect b="31079"/>
          <a:stretch/>
        </p:blipFill>
        <p:spPr>
          <a:xfrm>
            <a:off x="10465296" y="5023216"/>
            <a:ext cx="1010006" cy="300962"/>
          </a:xfrm>
          <a:prstGeom prst="rect">
            <a:avLst/>
          </a:prstGeom>
        </p:spPr>
      </p:pic>
      <p:sp>
        <p:nvSpPr>
          <p:cNvPr id="35" name="TextBox 34">
            <a:extLst>
              <a:ext uri="{FF2B5EF4-FFF2-40B4-BE49-F238E27FC236}">
                <a16:creationId xmlns:a16="http://schemas.microsoft.com/office/drawing/2014/main" id="{F85539E7-CC05-654F-8CDB-A6FB24946906}"/>
              </a:ext>
            </a:extLst>
          </p:cNvPr>
          <p:cNvSpPr txBox="1"/>
          <p:nvPr/>
        </p:nvSpPr>
        <p:spPr>
          <a:xfrm>
            <a:off x="599587" y="6252649"/>
            <a:ext cx="1265109" cy="369332"/>
          </a:xfrm>
          <a:prstGeom prst="rect">
            <a:avLst/>
          </a:prstGeom>
          <a:noFill/>
        </p:spPr>
        <p:txBody>
          <a:bodyPr wrap="square">
            <a:spAutoFit/>
          </a:bodyPr>
          <a:lstStyle/>
          <a:p>
            <a:pPr algn="ctr"/>
            <a:r>
              <a:rPr lang="en-US" sz="900">
                <a:solidFill>
                  <a:srgbClr val="01567A"/>
                </a:solidFill>
                <a:latin typeface="Roboto Medium" panose="02000000000000000000" pitchFamily="2" charset="0"/>
                <a:ea typeface="Roboto Medium" panose="02000000000000000000" pitchFamily="2" charset="0"/>
              </a:rPr>
              <a:t>Best Results Of Learning Program</a:t>
            </a:r>
          </a:p>
        </p:txBody>
      </p:sp>
      <p:sp>
        <p:nvSpPr>
          <p:cNvPr id="36" name="TextBox 35">
            <a:extLst>
              <a:ext uri="{FF2B5EF4-FFF2-40B4-BE49-F238E27FC236}">
                <a16:creationId xmlns:a16="http://schemas.microsoft.com/office/drawing/2014/main" id="{9F1B8960-F75D-C23D-26CD-D85E54FBABFD}"/>
              </a:ext>
            </a:extLst>
          </p:cNvPr>
          <p:cNvSpPr txBox="1"/>
          <p:nvPr/>
        </p:nvSpPr>
        <p:spPr>
          <a:xfrm>
            <a:off x="2184166" y="6252649"/>
            <a:ext cx="1272560" cy="369332"/>
          </a:xfrm>
          <a:prstGeom prst="rect">
            <a:avLst/>
          </a:prstGeom>
          <a:noFill/>
        </p:spPr>
        <p:txBody>
          <a:bodyPr wrap="square">
            <a:spAutoFit/>
          </a:bodyPr>
          <a:lstStyle/>
          <a:p>
            <a:pPr algn="ctr"/>
            <a:r>
              <a:rPr lang="en-US" sz="900">
                <a:solidFill>
                  <a:srgbClr val="01567A"/>
                </a:solidFill>
                <a:latin typeface="Roboto Medium" panose="02000000000000000000" pitchFamily="2" charset="0"/>
                <a:ea typeface="Roboto Medium" panose="02000000000000000000" pitchFamily="2" charset="0"/>
              </a:rPr>
              <a:t>Brandon Hall Awards for Excellence</a:t>
            </a:r>
          </a:p>
        </p:txBody>
      </p:sp>
      <p:sp>
        <p:nvSpPr>
          <p:cNvPr id="37" name="TextBox 36">
            <a:extLst>
              <a:ext uri="{FF2B5EF4-FFF2-40B4-BE49-F238E27FC236}">
                <a16:creationId xmlns:a16="http://schemas.microsoft.com/office/drawing/2014/main" id="{16F17C6D-45FD-2FDA-09AB-412A805A286E}"/>
              </a:ext>
            </a:extLst>
          </p:cNvPr>
          <p:cNvSpPr txBox="1"/>
          <p:nvPr/>
        </p:nvSpPr>
        <p:spPr>
          <a:xfrm>
            <a:off x="3873452" y="6252649"/>
            <a:ext cx="1150100" cy="369332"/>
          </a:xfrm>
          <a:prstGeom prst="rect">
            <a:avLst/>
          </a:prstGeom>
          <a:noFill/>
        </p:spPr>
        <p:txBody>
          <a:bodyPr wrap="square">
            <a:spAutoFit/>
          </a:bodyPr>
          <a:lstStyle/>
          <a:p>
            <a:pPr algn="ctr"/>
            <a:r>
              <a:rPr lang="en-US" sz="900">
                <a:solidFill>
                  <a:srgbClr val="01567A"/>
                </a:solidFill>
                <a:latin typeface="Roboto Medium" panose="02000000000000000000" pitchFamily="2" charset="0"/>
                <a:ea typeface="Roboto Medium" panose="02000000000000000000" pitchFamily="2" charset="0"/>
              </a:rPr>
              <a:t>Top 20 Learning Portal Company</a:t>
            </a:r>
          </a:p>
        </p:txBody>
      </p:sp>
      <p:sp>
        <p:nvSpPr>
          <p:cNvPr id="38" name="TextBox 37">
            <a:extLst>
              <a:ext uri="{FF2B5EF4-FFF2-40B4-BE49-F238E27FC236}">
                <a16:creationId xmlns:a16="http://schemas.microsoft.com/office/drawing/2014/main" id="{E5289201-6BEA-9FCC-03E9-3FC9D394AA0E}"/>
              </a:ext>
            </a:extLst>
          </p:cNvPr>
          <p:cNvSpPr txBox="1"/>
          <p:nvPr/>
        </p:nvSpPr>
        <p:spPr>
          <a:xfrm>
            <a:off x="5469731" y="6252649"/>
            <a:ext cx="1265109" cy="369332"/>
          </a:xfrm>
          <a:prstGeom prst="rect">
            <a:avLst/>
          </a:prstGeom>
          <a:noFill/>
        </p:spPr>
        <p:txBody>
          <a:bodyPr wrap="square">
            <a:spAutoFit/>
          </a:bodyPr>
          <a:lstStyle/>
          <a:p>
            <a:pPr algn="ctr"/>
            <a:r>
              <a:rPr lang="en-US" sz="900">
                <a:solidFill>
                  <a:srgbClr val="01567A"/>
                </a:solidFill>
                <a:latin typeface="Roboto Medium" panose="02000000000000000000" pitchFamily="2" charset="0"/>
                <a:ea typeface="Roboto Medium" panose="02000000000000000000" pitchFamily="2" charset="0"/>
              </a:rPr>
              <a:t>Top 100 Digital Content Company</a:t>
            </a:r>
          </a:p>
        </p:txBody>
      </p:sp>
      <p:sp>
        <p:nvSpPr>
          <p:cNvPr id="39" name="TextBox 38">
            <a:extLst>
              <a:ext uri="{FF2B5EF4-FFF2-40B4-BE49-F238E27FC236}">
                <a16:creationId xmlns:a16="http://schemas.microsoft.com/office/drawing/2014/main" id="{B6EE1E20-ABAB-F7DE-ADCE-6FA9CEA1E1AE}"/>
              </a:ext>
            </a:extLst>
          </p:cNvPr>
          <p:cNvSpPr txBox="1"/>
          <p:nvPr/>
        </p:nvSpPr>
        <p:spPr>
          <a:xfrm>
            <a:off x="8722215" y="6252649"/>
            <a:ext cx="1293925" cy="369332"/>
          </a:xfrm>
          <a:prstGeom prst="rect">
            <a:avLst/>
          </a:prstGeom>
          <a:noFill/>
        </p:spPr>
        <p:txBody>
          <a:bodyPr wrap="square">
            <a:spAutoFit/>
          </a:bodyPr>
          <a:lstStyle/>
          <a:p>
            <a:pPr algn="ctr"/>
            <a:r>
              <a:rPr lang="en-US" sz="900">
                <a:solidFill>
                  <a:srgbClr val="01567A"/>
                </a:solidFill>
                <a:latin typeface="Roboto Medium" panose="02000000000000000000" pitchFamily="2" charset="0"/>
                <a:ea typeface="Roboto Medium" panose="02000000000000000000" pitchFamily="2" charset="0"/>
              </a:rPr>
              <a:t>Best Education &amp;Training Campaigns</a:t>
            </a:r>
          </a:p>
        </p:txBody>
      </p:sp>
      <p:sp>
        <p:nvSpPr>
          <p:cNvPr id="40" name="TextBox 39">
            <a:extLst>
              <a:ext uri="{FF2B5EF4-FFF2-40B4-BE49-F238E27FC236}">
                <a16:creationId xmlns:a16="http://schemas.microsoft.com/office/drawing/2014/main" id="{58032C58-2861-F480-F599-9E12E327F650}"/>
              </a:ext>
            </a:extLst>
          </p:cNvPr>
          <p:cNvSpPr txBox="1"/>
          <p:nvPr/>
        </p:nvSpPr>
        <p:spPr>
          <a:xfrm>
            <a:off x="10337745" y="6252649"/>
            <a:ext cx="1265109" cy="369332"/>
          </a:xfrm>
          <a:prstGeom prst="rect">
            <a:avLst/>
          </a:prstGeom>
          <a:noFill/>
        </p:spPr>
        <p:txBody>
          <a:bodyPr wrap="square">
            <a:spAutoFit/>
          </a:bodyPr>
          <a:lstStyle/>
          <a:p>
            <a:pPr algn="ctr"/>
            <a:r>
              <a:rPr lang="en-US" sz="900">
                <a:solidFill>
                  <a:srgbClr val="01567A"/>
                </a:solidFill>
                <a:latin typeface="Roboto Medium" panose="02000000000000000000" pitchFamily="2" charset="0"/>
                <a:ea typeface="Roboto Medium" panose="02000000000000000000" pitchFamily="2" charset="0"/>
              </a:rPr>
              <a:t>Learning In Practice Award: Silver</a:t>
            </a:r>
          </a:p>
        </p:txBody>
      </p:sp>
      <p:sp>
        <p:nvSpPr>
          <p:cNvPr id="41" name="Rectangle 40">
            <a:extLst>
              <a:ext uri="{FF2B5EF4-FFF2-40B4-BE49-F238E27FC236}">
                <a16:creationId xmlns:a16="http://schemas.microsoft.com/office/drawing/2014/main" id="{92E4850C-943F-6190-8860-6A936726D590}"/>
              </a:ext>
            </a:extLst>
          </p:cNvPr>
          <p:cNvSpPr/>
          <p:nvPr/>
        </p:nvSpPr>
        <p:spPr>
          <a:xfrm>
            <a:off x="955825" y="2282022"/>
            <a:ext cx="1113294" cy="642648"/>
          </a:xfrm>
          <a:prstGeom prst="rect">
            <a:avLst/>
          </a:prstGeom>
          <a:solidFill>
            <a:srgbClr val="01597F"/>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2" name="Rectangle 41">
            <a:extLst>
              <a:ext uri="{FF2B5EF4-FFF2-40B4-BE49-F238E27FC236}">
                <a16:creationId xmlns:a16="http://schemas.microsoft.com/office/drawing/2014/main" id="{0CA16F6C-C701-1F13-4571-4EA75C6E211C}"/>
              </a:ext>
            </a:extLst>
          </p:cNvPr>
          <p:cNvSpPr/>
          <p:nvPr/>
        </p:nvSpPr>
        <p:spPr>
          <a:xfrm>
            <a:off x="2067189" y="2275610"/>
            <a:ext cx="2067698" cy="642648"/>
          </a:xfrm>
          <a:prstGeom prst="rect">
            <a:avLst/>
          </a:prstGeom>
          <a:solidFill>
            <a:schemeClr val="bg1"/>
          </a:solidFill>
          <a:ln>
            <a:noFill/>
          </a:ln>
          <a:effectLst>
            <a:outerShdw blurRad="241300" sx="104000" sy="104000" algn="ctr" rotWithShape="0">
              <a:prstClr val="black">
                <a:alpha val="12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3" name="Rectangle 42">
            <a:extLst>
              <a:ext uri="{FF2B5EF4-FFF2-40B4-BE49-F238E27FC236}">
                <a16:creationId xmlns:a16="http://schemas.microsoft.com/office/drawing/2014/main" id="{313402C7-683E-F952-5B75-AB3409D89B47}"/>
              </a:ext>
            </a:extLst>
          </p:cNvPr>
          <p:cNvSpPr/>
          <p:nvPr/>
        </p:nvSpPr>
        <p:spPr>
          <a:xfrm>
            <a:off x="4510303" y="2285987"/>
            <a:ext cx="1114110" cy="639564"/>
          </a:xfrm>
          <a:prstGeom prst="rect">
            <a:avLst/>
          </a:prstGeom>
          <a:solidFill>
            <a:srgbClr val="5767B4"/>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4" name="Rectangle 43">
            <a:extLst>
              <a:ext uri="{FF2B5EF4-FFF2-40B4-BE49-F238E27FC236}">
                <a16:creationId xmlns:a16="http://schemas.microsoft.com/office/drawing/2014/main" id="{BAAA8FDB-DD73-2A1E-913D-4C3F6C32466F}"/>
              </a:ext>
            </a:extLst>
          </p:cNvPr>
          <p:cNvSpPr/>
          <p:nvPr/>
        </p:nvSpPr>
        <p:spPr>
          <a:xfrm>
            <a:off x="5613133" y="2274728"/>
            <a:ext cx="2067701" cy="642649"/>
          </a:xfrm>
          <a:prstGeom prst="rect">
            <a:avLst/>
          </a:prstGeom>
          <a:solidFill>
            <a:schemeClr val="bg1"/>
          </a:solidFill>
          <a:ln>
            <a:noFill/>
          </a:ln>
          <a:effectLst>
            <a:outerShdw blurRad="241300" sx="104000" sy="104000" algn="ctr" rotWithShape="0">
              <a:prstClr val="black">
                <a:alpha val="12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5" name="Rectangle 44">
            <a:extLst>
              <a:ext uri="{FF2B5EF4-FFF2-40B4-BE49-F238E27FC236}">
                <a16:creationId xmlns:a16="http://schemas.microsoft.com/office/drawing/2014/main" id="{50183C43-A5A2-7814-76A2-2B3980204C79}"/>
              </a:ext>
            </a:extLst>
          </p:cNvPr>
          <p:cNvSpPr/>
          <p:nvPr/>
        </p:nvSpPr>
        <p:spPr>
          <a:xfrm>
            <a:off x="9168475" y="2275611"/>
            <a:ext cx="2067701" cy="642645"/>
          </a:xfrm>
          <a:prstGeom prst="rect">
            <a:avLst/>
          </a:prstGeom>
          <a:solidFill>
            <a:schemeClr val="bg1"/>
          </a:solidFill>
          <a:ln>
            <a:noFill/>
          </a:ln>
          <a:effectLst>
            <a:outerShdw blurRad="241300" sx="104000" sy="104000" algn="ctr" rotWithShape="0">
              <a:prstClr val="black">
                <a:alpha val="12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6" name="Rectangle 45">
            <a:extLst>
              <a:ext uri="{FF2B5EF4-FFF2-40B4-BE49-F238E27FC236}">
                <a16:creationId xmlns:a16="http://schemas.microsoft.com/office/drawing/2014/main" id="{F5F47078-0E77-A250-5203-A2AB769DE759}"/>
              </a:ext>
            </a:extLst>
          </p:cNvPr>
          <p:cNvSpPr/>
          <p:nvPr/>
        </p:nvSpPr>
        <p:spPr>
          <a:xfrm>
            <a:off x="8064203" y="2282022"/>
            <a:ext cx="1114110" cy="642645"/>
          </a:xfrm>
          <a:prstGeom prst="rect">
            <a:avLst/>
          </a:prstGeom>
          <a:solidFill>
            <a:srgbClr val="4BACC6"/>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7" name="TextBox 46">
            <a:extLst>
              <a:ext uri="{FF2B5EF4-FFF2-40B4-BE49-F238E27FC236}">
                <a16:creationId xmlns:a16="http://schemas.microsoft.com/office/drawing/2014/main" id="{DE3DB9C9-707F-1A61-0972-3DC25BF82D25}"/>
              </a:ext>
            </a:extLst>
          </p:cNvPr>
          <p:cNvSpPr txBox="1"/>
          <p:nvPr/>
        </p:nvSpPr>
        <p:spPr>
          <a:xfrm>
            <a:off x="7015085" y="6252649"/>
            <a:ext cx="1483110" cy="369332"/>
          </a:xfrm>
          <a:prstGeom prst="rect">
            <a:avLst/>
          </a:prstGeom>
          <a:noFill/>
        </p:spPr>
        <p:txBody>
          <a:bodyPr wrap="square">
            <a:spAutoFit/>
          </a:bodyPr>
          <a:lstStyle/>
          <a:p>
            <a:pPr algn="ctr"/>
            <a:r>
              <a:rPr lang="en-US" sz="900">
                <a:solidFill>
                  <a:srgbClr val="01567A"/>
                </a:solidFill>
                <a:latin typeface="Roboto Medium" panose="02000000000000000000" pitchFamily="2" charset="0"/>
                <a:ea typeface="Roboto Medium" panose="02000000000000000000" pitchFamily="2" charset="0"/>
              </a:rPr>
              <a:t>Top 100 </a:t>
            </a:r>
            <a:r>
              <a:rPr lang="en-IN" sz="900">
                <a:solidFill>
                  <a:srgbClr val="01567A"/>
                </a:solidFill>
                <a:latin typeface="Roboto Medium" panose="02000000000000000000" pitchFamily="2" charset="0"/>
                <a:ea typeface="Roboto Medium" panose="02000000000000000000" pitchFamily="2" charset="0"/>
              </a:rPr>
              <a:t>Global Outsourcing Company</a:t>
            </a:r>
          </a:p>
        </p:txBody>
      </p:sp>
      <p:sp>
        <p:nvSpPr>
          <p:cNvPr id="48" name="TextBox 47">
            <a:extLst>
              <a:ext uri="{FF2B5EF4-FFF2-40B4-BE49-F238E27FC236}">
                <a16:creationId xmlns:a16="http://schemas.microsoft.com/office/drawing/2014/main" id="{DAA1CA07-A372-51EB-77E5-927FABD1CA3D}"/>
              </a:ext>
            </a:extLst>
          </p:cNvPr>
          <p:cNvSpPr txBox="1"/>
          <p:nvPr/>
        </p:nvSpPr>
        <p:spPr>
          <a:xfrm>
            <a:off x="4134887" y="3527849"/>
            <a:ext cx="3922226" cy="920252"/>
          </a:xfrm>
          <a:prstGeom prst="rect">
            <a:avLst/>
          </a:prstGeom>
          <a:noFill/>
        </p:spPr>
        <p:txBody>
          <a:bodyPr wrap="square">
            <a:spAutoFit/>
          </a:bodyPr>
          <a:lstStyle/>
          <a:p>
            <a:pPr algn="ctr">
              <a:lnSpc>
                <a:spcPct val="150000"/>
              </a:lnSpc>
            </a:pPr>
            <a:r>
              <a:rPr lang="en-US" sz="4000" spc="600">
                <a:solidFill>
                  <a:srgbClr val="3C73C4">
                    <a:alpha val="50000"/>
                  </a:srgbClr>
                </a:solidFill>
                <a:latin typeface="ITC Avant Garde Pro Bk" panose="020B0502020202020204" pitchFamily="34" charset="0"/>
                <a:ea typeface="Roboto Condensed Light" panose="02000000000000000000" pitchFamily="2" charset="0"/>
              </a:rPr>
              <a:t>HIGHLIGHTS</a:t>
            </a:r>
            <a:endParaRPr lang="en-IN" sz="4000" spc="600">
              <a:solidFill>
                <a:srgbClr val="3C73C4">
                  <a:alpha val="50000"/>
                </a:srgbClr>
              </a:solidFill>
              <a:latin typeface="ITC Avant Garde Pro Bk" panose="020B0502020202020204" pitchFamily="34" charset="0"/>
              <a:ea typeface="Roboto Condensed Light" panose="02000000000000000000" pitchFamily="2" charset="0"/>
            </a:endParaRPr>
          </a:p>
        </p:txBody>
      </p:sp>
      <p:cxnSp>
        <p:nvCxnSpPr>
          <p:cNvPr id="49" name="Connector: Elbow 48">
            <a:extLst>
              <a:ext uri="{FF2B5EF4-FFF2-40B4-BE49-F238E27FC236}">
                <a16:creationId xmlns:a16="http://schemas.microsoft.com/office/drawing/2014/main" id="{F8EFB375-C351-0E3B-34D2-8BAE68D77184}"/>
              </a:ext>
            </a:extLst>
          </p:cNvPr>
          <p:cNvCxnSpPr>
            <a:cxnSpLocks/>
            <a:stCxn id="48" idx="1"/>
            <a:endCxn id="7" idx="4"/>
          </p:cNvCxnSpPr>
          <p:nvPr/>
        </p:nvCxnSpPr>
        <p:spPr>
          <a:xfrm rot="10800000" flipV="1">
            <a:off x="621089" y="3987974"/>
            <a:ext cx="3513798" cy="1569939"/>
          </a:xfrm>
          <a:prstGeom prst="bentConnector3">
            <a:avLst>
              <a:gd name="adj1" fmla="val 108498"/>
            </a:avLst>
          </a:prstGeom>
          <a:ln>
            <a:solidFill>
              <a:srgbClr val="DAE3F3"/>
            </a:solidFill>
          </a:ln>
        </p:spPr>
        <p:style>
          <a:lnRef idx="1">
            <a:schemeClr val="accent1"/>
          </a:lnRef>
          <a:fillRef idx="0">
            <a:schemeClr val="accent1"/>
          </a:fillRef>
          <a:effectRef idx="0">
            <a:schemeClr val="accent1"/>
          </a:effectRef>
          <a:fontRef idx="minor">
            <a:schemeClr val="tx1"/>
          </a:fontRef>
        </p:style>
      </p:cxnSp>
      <p:cxnSp>
        <p:nvCxnSpPr>
          <p:cNvPr id="50" name="Connector: Elbow 49">
            <a:extLst>
              <a:ext uri="{FF2B5EF4-FFF2-40B4-BE49-F238E27FC236}">
                <a16:creationId xmlns:a16="http://schemas.microsoft.com/office/drawing/2014/main" id="{DF75271E-EAB3-159D-0783-EFE826279324}"/>
              </a:ext>
            </a:extLst>
          </p:cNvPr>
          <p:cNvCxnSpPr>
            <a:cxnSpLocks/>
            <a:stCxn id="48" idx="3"/>
            <a:endCxn id="31" idx="2"/>
          </p:cNvCxnSpPr>
          <p:nvPr/>
        </p:nvCxnSpPr>
        <p:spPr>
          <a:xfrm>
            <a:off x="8057113" y="3987975"/>
            <a:ext cx="3524241" cy="1569940"/>
          </a:xfrm>
          <a:prstGeom prst="bentConnector3">
            <a:avLst>
              <a:gd name="adj1" fmla="val 108472"/>
            </a:avLst>
          </a:prstGeom>
          <a:ln>
            <a:solidFill>
              <a:srgbClr val="DAE3F3"/>
            </a:solidFill>
          </a:ln>
        </p:spPr>
        <p:style>
          <a:lnRef idx="1">
            <a:schemeClr val="accent1"/>
          </a:lnRef>
          <a:fillRef idx="0">
            <a:schemeClr val="accent1"/>
          </a:fillRef>
          <a:effectRef idx="0">
            <a:schemeClr val="accent1"/>
          </a:effectRef>
          <a:fontRef idx="minor">
            <a:schemeClr val="tx1"/>
          </a:fontRef>
        </p:style>
      </p:cxnSp>
      <p:grpSp>
        <p:nvGrpSpPr>
          <p:cNvPr id="51" name="Graphic 50">
            <a:extLst>
              <a:ext uri="{FF2B5EF4-FFF2-40B4-BE49-F238E27FC236}">
                <a16:creationId xmlns:a16="http://schemas.microsoft.com/office/drawing/2014/main" id="{2873BBCB-395C-759D-80DD-6DAFAF7B836D}"/>
              </a:ext>
            </a:extLst>
          </p:cNvPr>
          <p:cNvGrpSpPr>
            <a:grpSpLocks noChangeAspect="1"/>
          </p:cNvGrpSpPr>
          <p:nvPr/>
        </p:nvGrpSpPr>
        <p:grpSpPr>
          <a:xfrm>
            <a:off x="2511141" y="2352285"/>
            <a:ext cx="1231322" cy="468455"/>
            <a:chOff x="2829745" y="2998137"/>
            <a:chExt cx="1017621" cy="387153"/>
          </a:xfrm>
          <a:solidFill>
            <a:srgbClr val="01567A"/>
          </a:solidFill>
        </p:grpSpPr>
        <p:sp>
          <p:nvSpPr>
            <p:cNvPr id="52" name="Freeform: Shape 51">
              <a:extLst>
                <a:ext uri="{FF2B5EF4-FFF2-40B4-BE49-F238E27FC236}">
                  <a16:creationId xmlns:a16="http://schemas.microsoft.com/office/drawing/2014/main" id="{D47B8032-C607-2144-3A0D-E25559C75C93}"/>
                </a:ext>
              </a:extLst>
            </p:cNvPr>
            <p:cNvSpPr/>
            <p:nvPr/>
          </p:nvSpPr>
          <p:spPr>
            <a:xfrm>
              <a:off x="2831176" y="2998137"/>
              <a:ext cx="1010030" cy="107343"/>
            </a:xfrm>
            <a:custGeom>
              <a:avLst/>
              <a:gdLst>
                <a:gd name="connsiteX0" fmla="*/ 991859 w 1010030"/>
                <a:gd name="connsiteY0" fmla="*/ 60113 h 107343"/>
                <a:gd name="connsiteX1" fmla="*/ 989712 w 1010030"/>
                <a:gd name="connsiteY1" fmla="*/ 64406 h 107343"/>
                <a:gd name="connsiteX2" fmla="*/ 985419 w 1010030"/>
                <a:gd name="connsiteY2" fmla="*/ 67269 h 107343"/>
                <a:gd name="connsiteX3" fmla="*/ 979693 w 1010030"/>
                <a:gd name="connsiteY3" fmla="*/ 68700 h 107343"/>
                <a:gd name="connsiteX4" fmla="*/ 973969 w 1010030"/>
                <a:gd name="connsiteY4" fmla="*/ 67269 h 107343"/>
                <a:gd name="connsiteX5" fmla="*/ 969675 w 1010030"/>
                <a:gd name="connsiteY5" fmla="*/ 64406 h 107343"/>
                <a:gd name="connsiteX6" fmla="*/ 966812 w 1010030"/>
                <a:gd name="connsiteY6" fmla="*/ 60113 h 107343"/>
                <a:gd name="connsiteX7" fmla="*/ 966097 w 1010030"/>
                <a:gd name="connsiteY7" fmla="*/ 55103 h 107343"/>
                <a:gd name="connsiteX8" fmla="*/ 966812 w 1010030"/>
                <a:gd name="connsiteY8" fmla="*/ 50094 h 107343"/>
                <a:gd name="connsiteX9" fmla="*/ 969675 w 1010030"/>
                <a:gd name="connsiteY9" fmla="*/ 45800 h 107343"/>
                <a:gd name="connsiteX10" fmla="*/ 973969 w 1010030"/>
                <a:gd name="connsiteY10" fmla="*/ 42938 h 107343"/>
                <a:gd name="connsiteX11" fmla="*/ 979693 w 1010030"/>
                <a:gd name="connsiteY11" fmla="*/ 41506 h 107343"/>
                <a:gd name="connsiteX12" fmla="*/ 985419 w 1010030"/>
                <a:gd name="connsiteY12" fmla="*/ 42938 h 107343"/>
                <a:gd name="connsiteX13" fmla="*/ 989712 w 1010030"/>
                <a:gd name="connsiteY13" fmla="*/ 45800 h 107343"/>
                <a:gd name="connsiteX14" fmla="*/ 991859 w 1010030"/>
                <a:gd name="connsiteY14" fmla="*/ 50094 h 107343"/>
                <a:gd name="connsiteX15" fmla="*/ 992575 w 1010030"/>
                <a:gd name="connsiteY15" fmla="*/ 55103 h 107343"/>
                <a:gd name="connsiteX16" fmla="*/ 991859 w 1010030"/>
                <a:gd name="connsiteY16" fmla="*/ 60113 h 107343"/>
                <a:gd name="connsiteX17" fmla="*/ 1008319 w 1010030"/>
                <a:gd name="connsiteY17" fmla="*/ 44369 h 107343"/>
                <a:gd name="connsiteX18" fmla="*/ 1003309 w 1010030"/>
                <a:gd name="connsiteY18" fmla="*/ 35066 h 107343"/>
                <a:gd name="connsiteX19" fmla="*/ 995437 w 1010030"/>
                <a:gd name="connsiteY19" fmla="*/ 28625 h 107343"/>
                <a:gd name="connsiteX20" fmla="*/ 984703 w 1010030"/>
                <a:gd name="connsiteY20" fmla="*/ 26478 h 107343"/>
                <a:gd name="connsiteX21" fmla="*/ 974684 w 1010030"/>
                <a:gd name="connsiteY21" fmla="*/ 28625 h 107343"/>
                <a:gd name="connsiteX22" fmla="*/ 967528 w 1010030"/>
                <a:gd name="connsiteY22" fmla="*/ 34350 h 107343"/>
                <a:gd name="connsiteX23" fmla="*/ 967528 w 1010030"/>
                <a:gd name="connsiteY23" fmla="*/ 34350 h 107343"/>
                <a:gd name="connsiteX24" fmla="*/ 967528 w 1010030"/>
                <a:gd name="connsiteY24" fmla="*/ 27909 h 107343"/>
                <a:gd name="connsiteX25" fmla="*/ 950353 w 1010030"/>
                <a:gd name="connsiteY25" fmla="*/ 27909 h 107343"/>
                <a:gd name="connsiteX26" fmla="*/ 950353 w 1010030"/>
                <a:gd name="connsiteY26" fmla="*/ 107344 h 107343"/>
                <a:gd name="connsiteX27" fmla="*/ 968244 w 1010030"/>
                <a:gd name="connsiteY27" fmla="*/ 107344 h 107343"/>
                <a:gd name="connsiteX28" fmla="*/ 968244 w 1010030"/>
                <a:gd name="connsiteY28" fmla="*/ 75856 h 107343"/>
                <a:gd name="connsiteX29" fmla="*/ 968244 w 1010030"/>
                <a:gd name="connsiteY29" fmla="*/ 75856 h 107343"/>
                <a:gd name="connsiteX30" fmla="*/ 975400 w 1010030"/>
                <a:gd name="connsiteY30" fmla="*/ 81581 h 107343"/>
                <a:gd name="connsiteX31" fmla="*/ 984703 w 1010030"/>
                <a:gd name="connsiteY31" fmla="*/ 83728 h 107343"/>
                <a:gd name="connsiteX32" fmla="*/ 995437 w 1010030"/>
                <a:gd name="connsiteY32" fmla="*/ 81581 h 107343"/>
                <a:gd name="connsiteX33" fmla="*/ 1003309 w 1010030"/>
                <a:gd name="connsiteY33" fmla="*/ 75141 h 107343"/>
                <a:gd name="connsiteX34" fmla="*/ 1008319 w 1010030"/>
                <a:gd name="connsiteY34" fmla="*/ 65838 h 107343"/>
                <a:gd name="connsiteX35" fmla="*/ 1009750 w 1010030"/>
                <a:gd name="connsiteY35" fmla="*/ 55103 h 107343"/>
                <a:gd name="connsiteX36" fmla="*/ 1008319 w 1010030"/>
                <a:gd name="connsiteY36" fmla="*/ 44369 h 107343"/>
                <a:gd name="connsiteX37" fmla="*/ 936756 w 1010030"/>
                <a:gd name="connsiteY37" fmla="*/ 81581 h 107343"/>
                <a:gd name="connsiteX38" fmla="*/ 936756 w 1010030"/>
                <a:gd name="connsiteY38" fmla="*/ 27909 h 107343"/>
                <a:gd name="connsiteX39" fmla="*/ 918865 w 1010030"/>
                <a:gd name="connsiteY39" fmla="*/ 27909 h 107343"/>
                <a:gd name="connsiteX40" fmla="*/ 918865 w 1010030"/>
                <a:gd name="connsiteY40" fmla="*/ 57250 h 107343"/>
                <a:gd name="connsiteX41" fmla="*/ 916718 w 1010030"/>
                <a:gd name="connsiteY41" fmla="*/ 65122 h 107343"/>
                <a:gd name="connsiteX42" fmla="*/ 909562 w 1010030"/>
                <a:gd name="connsiteY42" fmla="*/ 68700 h 107343"/>
                <a:gd name="connsiteX43" fmla="*/ 905268 w 1010030"/>
                <a:gd name="connsiteY43" fmla="*/ 67985 h 107343"/>
                <a:gd name="connsiteX44" fmla="*/ 903121 w 1010030"/>
                <a:gd name="connsiteY44" fmla="*/ 65122 h 107343"/>
                <a:gd name="connsiteX45" fmla="*/ 901690 w 1010030"/>
                <a:gd name="connsiteY45" fmla="*/ 61544 h 107343"/>
                <a:gd name="connsiteX46" fmla="*/ 901690 w 1010030"/>
                <a:gd name="connsiteY46" fmla="*/ 57250 h 107343"/>
                <a:gd name="connsiteX47" fmla="*/ 901690 w 1010030"/>
                <a:gd name="connsiteY47" fmla="*/ 27909 h 107343"/>
                <a:gd name="connsiteX48" fmla="*/ 883800 w 1010030"/>
                <a:gd name="connsiteY48" fmla="*/ 27909 h 107343"/>
                <a:gd name="connsiteX49" fmla="*/ 883800 w 1010030"/>
                <a:gd name="connsiteY49" fmla="*/ 60828 h 107343"/>
                <a:gd name="connsiteX50" fmla="*/ 884515 w 1010030"/>
                <a:gd name="connsiteY50" fmla="*/ 68700 h 107343"/>
                <a:gd name="connsiteX51" fmla="*/ 888093 w 1010030"/>
                <a:gd name="connsiteY51" fmla="*/ 75856 h 107343"/>
                <a:gd name="connsiteX52" fmla="*/ 893818 w 1010030"/>
                <a:gd name="connsiteY52" fmla="*/ 80866 h 107343"/>
                <a:gd name="connsiteX53" fmla="*/ 903121 w 1010030"/>
                <a:gd name="connsiteY53" fmla="*/ 83013 h 107343"/>
                <a:gd name="connsiteX54" fmla="*/ 908131 w 1010030"/>
                <a:gd name="connsiteY54" fmla="*/ 82297 h 107343"/>
                <a:gd name="connsiteX55" fmla="*/ 912425 w 1010030"/>
                <a:gd name="connsiteY55" fmla="*/ 80150 h 107343"/>
                <a:gd name="connsiteX56" fmla="*/ 916003 w 1010030"/>
                <a:gd name="connsiteY56" fmla="*/ 77288 h 107343"/>
                <a:gd name="connsiteX57" fmla="*/ 918865 w 1010030"/>
                <a:gd name="connsiteY57" fmla="*/ 73710 h 107343"/>
                <a:gd name="connsiteX58" fmla="*/ 918865 w 1010030"/>
                <a:gd name="connsiteY58" fmla="*/ 73710 h 107343"/>
                <a:gd name="connsiteX59" fmla="*/ 918865 w 1010030"/>
                <a:gd name="connsiteY59" fmla="*/ 80866 h 107343"/>
                <a:gd name="connsiteX60" fmla="*/ 936756 w 1010030"/>
                <a:gd name="connsiteY60" fmla="*/ 81581 h 107343"/>
                <a:gd name="connsiteX61" fmla="*/ 936756 w 1010030"/>
                <a:gd name="connsiteY61" fmla="*/ 81581 h 107343"/>
                <a:gd name="connsiteX62" fmla="*/ 855174 w 1010030"/>
                <a:gd name="connsiteY62" fmla="*/ 60113 h 107343"/>
                <a:gd name="connsiteX63" fmla="*/ 853028 w 1010030"/>
                <a:gd name="connsiteY63" fmla="*/ 64406 h 107343"/>
                <a:gd name="connsiteX64" fmla="*/ 848734 w 1010030"/>
                <a:gd name="connsiteY64" fmla="*/ 67269 h 107343"/>
                <a:gd name="connsiteX65" fmla="*/ 843009 w 1010030"/>
                <a:gd name="connsiteY65" fmla="*/ 68700 h 107343"/>
                <a:gd name="connsiteX66" fmla="*/ 837284 w 1010030"/>
                <a:gd name="connsiteY66" fmla="*/ 67269 h 107343"/>
                <a:gd name="connsiteX67" fmla="*/ 832990 w 1010030"/>
                <a:gd name="connsiteY67" fmla="*/ 64406 h 107343"/>
                <a:gd name="connsiteX68" fmla="*/ 830843 w 1010030"/>
                <a:gd name="connsiteY68" fmla="*/ 60113 h 107343"/>
                <a:gd name="connsiteX69" fmla="*/ 830127 w 1010030"/>
                <a:gd name="connsiteY69" fmla="*/ 55103 h 107343"/>
                <a:gd name="connsiteX70" fmla="*/ 830843 w 1010030"/>
                <a:gd name="connsiteY70" fmla="*/ 50094 h 107343"/>
                <a:gd name="connsiteX71" fmla="*/ 832990 w 1010030"/>
                <a:gd name="connsiteY71" fmla="*/ 45800 h 107343"/>
                <a:gd name="connsiteX72" fmla="*/ 837284 w 1010030"/>
                <a:gd name="connsiteY72" fmla="*/ 42938 h 107343"/>
                <a:gd name="connsiteX73" fmla="*/ 843009 w 1010030"/>
                <a:gd name="connsiteY73" fmla="*/ 41506 h 107343"/>
                <a:gd name="connsiteX74" fmla="*/ 848734 w 1010030"/>
                <a:gd name="connsiteY74" fmla="*/ 42938 h 107343"/>
                <a:gd name="connsiteX75" fmla="*/ 853028 w 1010030"/>
                <a:gd name="connsiteY75" fmla="*/ 45800 h 107343"/>
                <a:gd name="connsiteX76" fmla="*/ 855174 w 1010030"/>
                <a:gd name="connsiteY76" fmla="*/ 50094 h 107343"/>
                <a:gd name="connsiteX77" fmla="*/ 855890 w 1010030"/>
                <a:gd name="connsiteY77" fmla="*/ 55103 h 107343"/>
                <a:gd name="connsiteX78" fmla="*/ 855174 w 1010030"/>
                <a:gd name="connsiteY78" fmla="*/ 60113 h 107343"/>
                <a:gd name="connsiteX79" fmla="*/ 870203 w 1010030"/>
                <a:gd name="connsiteY79" fmla="*/ 42938 h 107343"/>
                <a:gd name="connsiteX80" fmla="*/ 863762 w 1010030"/>
                <a:gd name="connsiteY80" fmla="*/ 33634 h 107343"/>
                <a:gd name="connsiteX81" fmla="*/ 854459 w 1010030"/>
                <a:gd name="connsiteY81" fmla="*/ 27909 h 107343"/>
                <a:gd name="connsiteX82" fmla="*/ 843009 w 1010030"/>
                <a:gd name="connsiteY82" fmla="*/ 25763 h 107343"/>
                <a:gd name="connsiteX83" fmla="*/ 831559 w 1010030"/>
                <a:gd name="connsiteY83" fmla="*/ 27909 h 107343"/>
                <a:gd name="connsiteX84" fmla="*/ 822256 w 1010030"/>
                <a:gd name="connsiteY84" fmla="*/ 33634 h 107343"/>
                <a:gd name="connsiteX85" fmla="*/ 815815 w 1010030"/>
                <a:gd name="connsiteY85" fmla="*/ 42938 h 107343"/>
                <a:gd name="connsiteX86" fmla="*/ 813668 w 1010030"/>
                <a:gd name="connsiteY86" fmla="*/ 55103 h 107343"/>
                <a:gd name="connsiteX87" fmla="*/ 815815 w 1010030"/>
                <a:gd name="connsiteY87" fmla="*/ 67269 h 107343"/>
                <a:gd name="connsiteX88" fmla="*/ 822256 w 1010030"/>
                <a:gd name="connsiteY88" fmla="*/ 76572 h 107343"/>
                <a:gd name="connsiteX89" fmla="*/ 831559 w 1010030"/>
                <a:gd name="connsiteY89" fmla="*/ 82297 h 107343"/>
                <a:gd name="connsiteX90" fmla="*/ 843009 w 1010030"/>
                <a:gd name="connsiteY90" fmla="*/ 84444 h 107343"/>
                <a:gd name="connsiteX91" fmla="*/ 854459 w 1010030"/>
                <a:gd name="connsiteY91" fmla="*/ 82297 h 107343"/>
                <a:gd name="connsiteX92" fmla="*/ 863762 w 1010030"/>
                <a:gd name="connsiteY92" fmla="*/ 76572 h 107343"/>
                <a:gd name="connsiteX93" fmla="*/ 870203 w 1010030"/>
                <a:gd name="connsiteY93" fmla="*/ 67269 h 107343"/>
                <a:gd name="connsiteX94" fmla="*/ 872349 w 1010030"/>
                <a:gd name="connsiteY94" fmla="*/ 55103 h 107343"/>
                <a:gd name="connsiteX95" fmla="*/ 870203 w 1010030"/>
                <a:gd name="connsiteY95" fmla="*/ 42938 h 107343"/>
                <a:gd name="connsiteX96" fmla="*/ 808659 w 1010030"/>
                <a:gd name="connsiteY96" fmla="*/ 27194 h 107343"/>
                <a:gd name="connsiteX97" fmla="*/ 807227 w 1010030"/>
                <a:gd name="connsiteY97" fmla="*/ 27194 h 107343"/>
                <a:gd name="connsiteX98" fmla="*/ 805081 w 1010030"/>
                <a:gd name="connsiteY98" fmla="*/ 27194 h 107343"/>
                <a:gd name="connsiteX99" fmla="*/ 796493 w 1010030"/>
                <a:gd name="connsiteY99" fmla="*/ 30056 h 107343"/>
                <a:gd name="connsiteX100" fmla="*/ 790768 w 1010030"/>
                <a:gd name="connsiteY100" fmla="*/ 36497 h 107343"/>
                <a:gd name="connsiteX101" fmla="*/ 790768 w 1010030"/>
                <a:gd name="connsiteY101" fmla="*/ 36497 h 107343"/>
                <a:gd name="connsiteX102" fmla="*/ 790768 w 1010030"/>
                <a:gd name="connsiteY102" fmla="*/ 27909 h 107343"/>
                <a:gd name="connsiteX103" fmla="*/ 772877 w 1010030"/>
                <a:gd name="connsiteY103" fmla="*/ 27909 h 107343"/>
                <a:gd name="connsiteX104" fmla="*/ 772877 w 1010030"/>
                <a:gd name="connsiteY104" fmla="*/ 81581 h 107343"/>
                <a:gd name="connsiteX105" fmla="*/ 790768 w 1010030"/>
                <a:gd name="connsiteY105" fmla="*/ 81581 h 107343"/>
                <a:gd name="connsiteX106" fmla="*/ 790768 w 1010030"/>
                <a:gd name="connsiteY106" fmla="*/ 54388 h 107343"/>
                <a:gd name="connsiteX107" fmla="*/ 791484 w 1010030"/>
                <a:gd name="connsiteY107" fmla="*/ 50809 h 107343"/>
                <a:gd name="connsiteX108" fmla="*/ 793630 w 1010030"/>
                <a:gd name="connsiteY108" fmla="*/ 46516 h 107343"/>
                <a:gd name="connsiteX109" fmla="*/ 797209 w 1010030"/>
                <a:gd name="connsiteY109" fmla="*/ 43653 h 107343"/>
                <a:gd name="connsiteX110" fmla="*/ 802934 w 1010030"/>
                <a:gd name="connsiteY110" fmla="*/ 42222 h 107343"/>
                <a:gd name="connsiteX111" fmla="*/ 805081 w 1010030"/>
                <a:gd name="connsiteY111" fmla="*/ 42222 h 107343"/>
                <a:gd name="connsiteX112" fmla="*/ 807227 w 1010030"/>
                <a:gd name="connsiteY112" fmla="*/ 42938 h 107343"/>
                <a:gd name="connsiteX113" fmla="*/ 808659 w 1010030"/>
                <a:gd name="connsiteY113" fmla="*/ 27194 h 107343"/>
                <a:gd name="connsiteX114" fmla="*/ 759280 w 1010030"/>
                <a:gd name="connsiteY114" fmla="*/ 77288 h 107343"/>
                <a:gd name="connsiteX115" fmla="*/ 759280 w 1010030"/>
                <a:gd name="connsiteY115" fmla="*/ 36497 h 107343"/>
                <a:gd name="connsiteX116" fmla="*/ 727793 w 1010030"/>
                <a:gd name="connsiteY116" fmla="*/ 36497 h 107343"/>
                <a:gd name="connsiteX117" fmla="*/ 727793 w 1010030"/>
                <a:gd name="connsiteY117" fmla="*/ 51525 h 107343"/>
                <a:gd name="connsiteX118" fmla="*/ 742105 w 1010030"/>
                <a:gd name="connsiteY118" fmla="*/ 51525 h 107343"/>
                <a:gd name="connsiteX119" fmla="*/ 742105 w 1010030"/>
                <a:gd name="connsiteY119" fmla="*/ 65122 h 107343"/>
                <a:gd name="connsiteX120" fmla="*/ 736380 w 1010030"/>
                <a:gd name="connsiteY120" fmla="*/ 66553 h 107343"/>
                <a:gd name="connsiteX121" fmla="*/ 729940 w 1010030"/>
                <a:gd name="connsiteY121" fmla="*/ 67269 h 107343"/>
                <a:gd name="connsiteX122" fmla="*/ 719921 w 1010030"/>
                <a:gd name="connsiteY122" fmla="*/ 65838 h 107343"/>
                <a:gd name="connsiteX123" fmla="*/ 712765 w 1010030"/>
                <a:gd name="connsiteY123" fmla="*/ 60828 h 107343"/>
                <a:gd name="connsiteX124" fmla="*/ 708471 w 1010030"/>
                <a:gd name="connsiteY124" fmla="*/ 52956 h 107343"/>
                <a:gd name="connsiteX125" fmla="*/ 707040 w 1010030"/>
                <a:gd name="connsiteY125" fmla="*/ 42938 h 107343"/>
                <a:gd name="connsiteX126" fmla="*/ 708471 w 1010030"/>
                <a:gd name="connsiteY126" fmla="*/ 33634 h 107343"/>
                <a:gd name="connsiteX127" fmla="*/ 713480 w 1010030"/>
                <a:gd name="connsiteY127" fmla="*/ 25763 h 107343"/>
                <a:gd name="connsiteX128" fmla="*/ 720637 w 1010030"/>
                <a:gd name="connsiteY128" fmla="*/ 20753 h 107343"/>
                <a:gd name="connsiteX129" fmla="*/ 729940 w 1010030"/>
                <a:gd name="connsiteY129" fmla="*/ 19322 h 107343"/>
                <a:gd name="connsiteX130" fmla="*/ 739958 w 1010030"/>
                <a:gd name="connsiteY130" fmla="*/ 21469 h 107343"/>
                <a:gd name="connsiteX131" fmla="*/ 747115 w 1010030"/>
                <a:gd name="connsiteY131" fmla="*/ 26478 h 107343"/>
                <a:gd name="connsiteX132" fmla="*/ 758565 w 1010030"/>
                <a:gd name="connsiteY132" fmla="*/ 13597 h 107343"/>
                <a:gd name="connsiteX133" fmla="*/ 745683 w 1010030"/>
                <a:gd name="connsiteY133" fmla="*/ 6441 h 107343"/>
                <a:gd name="connsiteX134" fmla="*/ 728508 w 1010030"/>
                <a:gd name="connsiteY134" fmla="*/ 3578 h 107343"/>
                <a:gd name="connsiteX135" fmla="*/ 712049 w 1010030"/>
                <a:gd name="connsiteY135" fmla="*/ 6441 h 107343"/>
                <a:gd name="connsiteX136" fmla="*/ 699168 w 1010030"/>
                <a:gd name="connsiteY136" fmla="*/ 14313 h 107343"/>
                <a:gd name="connsiteX137" fmla="*/ 690580 w 1010030"/>
                <a:gd name="connsiteY137" fmla="*/ 27194 h 107343"/>
                <a:gd name="connsiteX138" fmla="*/ 687718 w 1010030"/>
                <a:gd name="connsiteY138" fmla="*/ 43653 h 107343"/>
                <a:gd name="connsiteX139" fmla="*/ 690580 w 1010030"/>
                <a:gd name="connsiteY139" fmla="*/ 60113 h 107343"/>
                <a:gd name="connsiteX140" fmla="*/ 699168 w 1010030"/>
                <a:gd name="connsiteY140" fmla="*/ 72994 h 107343"/>
                <a:gd name="connsiteX141" fmla="*/ 712765 w 1010030"/>
                <a:gd name="connsiteY141" fmla="*/ 80866 h 107343"/>
                <a:gd name="connsiteX142" fmla="*/ 729940 w 1010030"/>
                <a:gd name="connsiteY142" fmla="*/ 83728 h 107343"/>
                <a:gd name="connsiteX143" fmla="*/ 746399 w 1010030"/>
                <a:gd name="connsiteY143" fmla="*/ 81581 h 107343"/>
                <a:gd name="connsiteX144" fmla="*/ 759280 w 1010030"/>
                <a:gd name="connsiteY144" fmla="*/ 77288 h 107343"/>
                <a:gd name="connsiteX145" fmla="*/ 659808 w 1010030"/>
                <a:gd name="connsiteY145" fmla="*/ 0 h 107343"/>
                <a:gd name="connsiteX146" fmla="*/ 641918 w 1010030"/>
                <a:gd name="connsiteY146" fmla="*/ 0 h 107343"/>
                <a:gd name="connsiteX147" fmla="*/ 641918 w 1010030"/>
                <a:gd name="connsiteY147" fmla="*/ 81581 h 107343"/>
                <a:gd name="connsiteX148" fmla="*/ 659808 w 1010030"/>
                <a:gd name="connsiteY148" fmla="*/ 81581 h 107343"/>
                <a:gd name="connsiteX149" fmla="*/ 659808 w 1010030"/>
                <a:gd name="connsiteY149" fmla="*/ 0 h 107343"/>
                <a:gd name="connsiteX150" fmla="*/ 628321 w 1010030"/>
                <a:gd name="connsiteY150" fmla="*/ 0 h 107343"/>
                <a:gd name="connsiteX151" fmla="*/ 610430 w 1010030"/>
                <a:gd name="connsiteY151" fmla="*/ 0 h 107343"/>
                <a:gd name="connsiteX152" fmla="*/ 610430 w 1010030"/>
                <a:gd name="connsiteY152" fmla="*/ 81581 h 107343"/>
                <a:gd name="connsiteX153" fmla="*/ 628321 w 1010030"/>
                <a:gd name="connsiteY153" fmla="*/ 81581 h 107343"/>
                <a:gd name="connsiteX154" fmla="*/ 628321 w 1010030"/>
                <a:gd name="connsiteY154" fmla="*/ 0 h 107343"/>
                <a:gd name="connsiteX155" fmla="*/ 556758 w 1010030"/>
                <a:gd name="connsiteY155" fmla="*/ 45084 h 107343"/>
                <a:gd name="connsiteX156" fmla="*/ 562483 w 1010030"/>
                <a:gd name="connsiteY156" fmla="*/ 41506 h 107343"/>
                <a:gd name="connsiteX157" fmla="*/ 569639 w 1010030"/>
                <a:gd name="connsiteY157" fmla="*/ 40075 h 107343"/>
                <a:gd name="connsiteX158" fmla="*/ 576796 w 1010030"/>
                <a:gd name="connsiteY158" fmla="*/ 42222 h 107343"/>
                <a:gd name="connsiteX159" fmla="*/ 579658 w 1010030"/>
                <a:gd name="connsiteY159" fmla="*/ 47947 h 107343"/>
                <a:gd name="connsiteX160" fmla="*/ 579658 w 1010030"/>
                <a:gd name="connsiteY160" fmla="*/ 48663 h 107343"/>
                <a:gd name="connsiteX161" fmla="*/ 567492 w 1010030"/>
                <a:gd name="connsiteY161" fmla="*/ 49378 h 107343"/>
                <a:gd name="connsiteX162" fmla="*/ 556042 w 1010030"/>
                <a:gd name="connsiteY162" fmla="*/ 52241 h 107343"/>
                <a:gd name="connsiteX163" fmla="*/ 548170 w 1010030"/>
                <a:gd name="connsiteY163" fmla="*/ 57966 h 107343"/>
                <a:gd name="connsiteX164" fmla="*/ 545308 w 1010030"/>
                <a:gd name="connsiteY164" fmla="*/ 67269 h 107343"/>
                <a:gd name="connsiteX165" fmla="*/ 547455 w 1010030"/>
                <a:gd name="connsiteY165" fmla="*/ 75141 h 107343"/>
                <a:gd name="connsiteX166" fmla="*/ 552464 w 1010030"/>
                <a:gd name="connsiteY166" fmla="*/ 80150 h 107343"/>
                <a:gd name="connsiteX167" fmla="*/ 558905 w 1010030"/>
                <a:gd name="connsiteY167" fmla="*/ 83013 h 107343"/>
                <a:gd name="connsiteX168" fmla="*/ 565345 w 1010030"/>
                <a:gd name="connsiteY168" fmla="*/ 83728 h 107343"/>
                <a:gd name="connsiteX169" fmla="*/ 574649 w 1010030"/>
                <a:gd name="connsiteY169" fmla="*/ 81581 h 107343"/>
                <a:gd name="connsiteX170" fmla="*/ 581089 w 1010030"/>
                <a:gd name="connsiteY170" fmla="*/ 76572 h 107343"/>
                <a:gd name="connsiteX171" fmla="*/ 581089 w 1010030"/>
                <a:gd name="connsiteY171" fmla="*/ 76572 h 107343"/>
                <a:gd name="connsiteX172" fmla="*/ 581089 w 1010030"/>
                <a:gd name="connsiteY172" fmla="*/ 82297 h 107343"/>
                <a:gd name="connsiteX173" fmla="*/ 597549 w 1010030"/>
                <a:gd name="connsiteY173" fmla="*/ 82297 h 107343"/>
                <a:gd name="connsiteX174" fmla="*/ 597549 w 1010030"/>
                <a:gd name="connsiteY174" fmla="*/ 55103 h 107343"/>
                <a:gd name="connsiteX175" fmla="*/ 596117 w 1010030"/>
                <a:gd name="connsiteY175" fmla="*/ 42222 h 107343"/>
                <a:gd name="connsiteX176" fmla="*/ 591824 w 1010030"/>
                <a:gd name="connsiteY176" fmla="*/ 33634 h 107343"/>
                <a:gd name="connsiteX177" fmla="*/ 583952 w 1010030"/>
                <a:gd name="connsiteY177" fmla="*/ 28625 h 107343"/>
                <a:gd name="connsiteX178" fmla="*/ 572502 w 1010030"/>
                <a:gd name="connsiteY178" fmla="*/ 27194 h 107343"/>
                <a:gd name="connsiteX179" fmla="*/ 559620 w 1010030"/>
                <a:gd name="connsiteY179" fmla="*/ 29341 h 107343"/>
                <a:gd name="connsiteX180" fmla="*/ 548886 w 1010030"/>
                <a:gd name="connsiteY180" fmla="*/ 36497 h 107343"/>
                <a:gd name="connsiteX181" fmla="*/ 556758 w 1010030"/>
                <a:gd name="connsiteY181" fmla="*/ 45084 h 107343"/>
                <a:gd name="connsiteX182" fmla="*/ 580374 w 1010030"/>
                <a:gd name="connsiteY182" fmla="*/ 60113 h 107343"/>
                <a:gd name="connsiteX183" fmla="*/ 577511 w 1010030"/>
                <a:gd name="connsiteY183" fmla="*/ 67985 h 107343"/>
                <a:gd name="connsiteX184" fmla="*/ 568924 w 1010030"/>
                <a:gd name="connsiteY184" fmla="*/ 70847 h 107343"/>
                <a:gd name="connsiteX185" fmla="*/ 566061 w 1010030"/>
                <a:gd name="connsiteY185" fmla="*/ 70847 h 107343"/>
                <a:gd name="connsiteX186" fmla="*/ 563914 w 1010030"/>
                <a:gd name="connsiteY186" fmla="*/ 70131 h 107343"/>
                <a:gd name="connsiteX187" fmla="*/ 562483 w 1010030"/>
                <a:gd name="connsiteY187" fmla="*/ 68700 h 107343"/>
                <a:gd name="connsiteX188" fmla="*/ 561767 w 1010030"/>
                <a:gd name="connsiteY188" fmla="*/ 65838 h 107343"/>
                <a:gd name="connsiteX189" fmla="*/ 563199 w 1010030"/>
                <a:gd name="connsiteY189" fmla="*/ 62260 h 107343"/>
                <a:gd name="connsiteX190" fmla="*/ 566777 w 1010030"/>
                <a:gd name="connsiteY190" fmla="*/ 60113 h 107343"/>
                <a:gd name="connsiteX191" fmla="*/ 571786 w 1010030"/>
                <a:gd name="connsiteY191" fmla="*/ 59397 h 107343"/>
                <a:gd name="connsiteX192" fmla="*/ 577511 w 1010030"/>
                <a:gd name="connsiteY192" fmla="*/ 59397 h 107343"/>
                <a:gd name="connsiteX193" fmla="*/ 579658 w 1010030"/>
                <a:gd name="connsiteY193" fmla="*/ 59397 h 107343"/>
                <a:gd name="connsiteX194" fmla="*/ 580374 w 1010030"/>
                <a:gd name="connsiteY194" fmla="*/ 60113 h 107343"/>
                <a:gd name="connsiteX195" fmla="*/ 580374 w 1010030"/>
                <a:gd name="connsiteY195" fmla="*/ 60113 h 107343"/>
                <a:gd name="connsiteX196" fmla="*/ 533858 w 1010030"/>
                <a:gd name="connsiteY196" fmla="*/ 81581 h 107343"/>
                <a:gd name="connsiteX197" fmla="*/ 533858 w 1010030"/>
                <a:gd name="connsiteY197" fmla="*/ 5725 h 107343"/>
                <a:gd name="connsiteX198" fmla="*/ 515252 w 1010030"/>
                <a:gd name="connsiteY198" fmla="*/ 5725 h 107343"/>
                <a:gd name="connsiteX199" fmla="*/ 515252 w 1010030"/>
                <a:gd name="connsiteY199" fmla="*/ 34350 h 107343"/>
                <a:gd name="connsiteX200" fmla="*/ 485195 w 1010030"/>
                <a:gd name="connsiteY200" fmla="*/ 34350 h 107343"/>
                <a:gd name="connsiteX201" fmla="*/ 485195 w 1010030"/>
                <a:gd name="connsiteY201" fmla="*/ 5725 h 107343"/>
                <a:gd name="connsiteX202" fmla="*/ 466589 w 1010030"/>
                <a:gd name="connsiteY202" fmla="*/ 5725 h 107343"/>
                <a:gd name="connsiteX203" fmla="*/ 466589 w 1010030"/>
                <a:gd name="connsiteY203" fmla="*/ 82297 h 107343"/>
                <a:gd name="connsiteX204" fmla="*/ 485195 w 1010030"/>
                <a:gd name="connsiteY204" fmla="*/ 82297 h 107343"/>
                <a:gd name="connsiteX205" fmla="*/ 485195 w 1010030"/>
                <a:gd name="connsiteY205" fmla="*/ 50094 h 107343"/>
                <a:gd name="connsiteX206" fmla="*/ 515252 w 1010030"/>
                <a:gd name="connsiteY206" fmla="*/ 50094 h 107343"/>
                <a:gd name="connsiteX207" fmla="*/ 515252 w 1010030"/>
                <a:gd name="connsiteY207" fmla="*/ 82297 h 107343"/>
                <a:gd name="connsiteX208" fmla="*/ 533858 w 1010030"/>
                <a:gd name="connsiteY208" fmla="*/ 81581 h 107343"/>
                <a:gd name="connsiteX209" fmla="*/ 533858 w 1010030"/>
                <a:gd name="connsiteY209" fmla="*/ 81581 h 107343"/>
                <a:gd name="connsiteX210" fmla="*/ 434386 w 1010030"/>
                <a:gd name="connsiteY210" fmla="*/ 81581 h 107343"/>
                <a:gd name="connsiteX211" fmla="*/ 434386 w 1010030"/>
                <a:gd name="connsiteY211" fmla="*/ 48663 h 107343"/>
                <a:gd name="connsiteX212" fmla="*/ 433670 w 1010030"/>
                <a:gd name="connsiteY212" fmla="*/ 40791 h 107343"/>
                <a:gd name="connsiteX213" fmla="*/ 430092 w 1010030"/>
                <a:gd name="connsiteY213" fmla="*/ 33634 h 107343"/>
                <a:gd name="connsiteX214" fmla="*/ 423651 w 1010030"/>
                <a:gd name="connsiteY214" fmla="*/ 28625 h 107343"/>
                <a:gd name="connsiteX215" fmla="*/ 414348 w 1010030"/>
                <a:gd name="connsiteY215" fmla="*/ 26478 h 107343"/>
                <a:gd name="connsiteX216" fmla="*/ 409339 w 1010030"/>
                <a:gd name="connsiteY216" fmla="*/ 27194 h 107343"/>
                <a:gd name="connsiteX217" fmla="*/ 405045 w 1010030"/>
                <a:gd name="connsiteY217" fmla="*/ 29341 h 107343"/>
                <a:gd name="connsiteX218" fmla="*/ 401467 w 1010030"/>
                <a:gd name="connsiteY218" fmla="*/ 32203 h 107343"/>
                <a:gd name="connsiteX219" fmla="*/ 398604 w 1010030"/>
                <a:gd name="connsiteY219" fmla="*/ 35781 h 107343"/>
                <a:gd name="connsiteX220" fmla="*/ 398604 w 1010030"/>
                <a:gd name="connsiteY220" fmla="*/ 35781 h 107343"/>
                <a:gd name="connsiteX221" fmla="*/ 398604 w 1010030"/>
                <a:gd name="connsiteY221" fmla="*/ 28625 h 107343"/>
                <a:gd name="connsiteX222" fmla="*/ 381429 w 1010030"/>
                <a:gd name="connsiteY222" fmla="*/ 28625 h 107343"/>
                <a:gd name="connsiteX223" fmla="*/ 381429 w 1010030"/>
                <a:gd name="connsiteY223" fmla="*/ 82297 h 107343"/>
                <a:gd name="connsiteX224" fmla="*/ 399320 w 1010030"/>
                <a:gd name="connsiteY224" fmla="*/ 82297 h 107343"/>
                <a:gd name="connsiteX225" fmla="*/ 399320 w 1010030"/>
                <a:gd name="connsiteY225" fmla="*/ 52956 h 107343"/>
                <a:gd name="connsiteX226" fmla="*/ 400036 w 1010030"/>
                <a:gd name="connsiteY226" fmla="*/ 48663 h 107343"/>
                <a:gd name="connsiteX227" fmla="*/ 401467 w 1010030"/>
                <a:gd name="connsiteY227" fmla="*/ 45084 h 107343"/>
                <a:gd name="connsiteX228" fmla="*/ 404329 w 1010030"/>
                <a:gd name="connsiteY228" fmla="*/ 42222 h 107343"/>
                <a:gd name="connsiteX229" fmla="*/ 408623 w 1010030"/>
                <a:gd name="connsiteY229" fmla="*/ 41506 h 107343"/>
                <a:gd name="connsiteX230" fmla="*/ 412917 w 1010030"/>
                <a:gd name="connsiteY230" fmla="*/ 42222 h 107343"/>
                <a:gd name="connsiteX231" fmla="*/ 415064 w 1010030"/>
                <a:gd name="connsiteY231" fmla="*/ 44369 h 107343"/>
                <a:gd name="connsiteX232" fmla="*/ 416495 w 1010030"/>
                <a:gd name="connsiteY232" fmla="*/ 47947 h 107343"/>
                <a:gd name="connsiteX233" fmla="*/ 417211 w 1010030"/>
                <a:gd name="connsiteY233" fmla="*/ 52241 h 107343"/>
                <a:gd name="connsiteX234" fmla="*/ 417211 w 1010030"/>
                <a:gd name="connsiteY234" fmla="*/ 81581 h 107343"/>
                <a:gd name="connsiteX235" fmla="*/ 434386 w 1010030"/>
                <a:gd name="connsiteY235" fmla="*/ 81581 h 107343"/>
                <a:gd name="connsiteX236" fmla="*/ 352089 w 1010030"/>
                <a:gd name="connsiteY236" fmla="*/ 60113 h 107343"/>
                <a:gd name="connsiteX237" fmla="*/ 349942 w 1010030"/>
                <a:gd name="connsiteY237" fmla="*/ 64406 h 107343"/>
                <a:gd name="connsiteX238" fmla="*/ 345648 w 1010030"/>
                <a:gd name="connsiteY238" fmla="*/ 67269 h 107343"/>
                <a:gd name="connsiteX239" fmla="*/ 339923 w 1010030"/>
                <a:gd name="connsiteY239" fmla="*/ 68700 h 107343"/>
                <a:gd name="connsiteX240" fmla="*/ 334198 w 1010030"/>
                <a:gd name="connsiteY240" fmla="*/ 67269 h 107343"/>
                <a:gd name="connsiteX241" fmla="*/ 329904 w 1010030"/>
                <a:gd name="connsiteY241" fmla="*/ 64406 h 107343"/>
                <a:gd name="connsiteX242" fmla="*/ 327757 w 1010030"/>
                <a:gd name="connsiteY242" fmla="*/ 60113 h 107343"/>
                <a:gd name="connsiteX243" fmla="*/ 327042 w 1010030"/>
                <a:gd name="connsiteY243" fmla="*/ 55103 h 107343"/>
                <a:gd name="connsiteX244" fmla="*/ 327757 w 1010030"/>
                <a:gd name="connsiteY244" fmla="*/ 50094 h 107343"/>
                <a:gd name="connsiteX245" fmla="*/ 329904 w 1010030"/>
                <a:gd name="connsiteY245" fmla="*/ 45800 h 107343"/>
                <a:gd name="connsiteX246" fmla="*/ 334198 w 1010030"/>
                <a:gd name="connsiteY246" fmla="*/ 42938 h 107343"/>
                <a:gd name="connsiteX247" fmla="*/ 339923 w 1010030"/>
                <a:gd name="connsiteY247" fmla="*/ 41506 h 107343"/>
                <a:gd name="connsiteX248" fmla="*/ 345648 w 1010030"/>
                <a:gd name="connsiteY248" fmla="*/ 42938 h 107343"/>
                <a:gd name="connsiteX249" fmla="*/ 349942 w 1010030"/>
                <a:gd name="connsiteY249" fmla="*/ 45800 h 107343"/>
                <a:gd name="connsiteX250" fmla="*/ 352089 w 1010030"/>
                <a:gd name="connsiteY250" fmla="*/ 50094 h 107343"/>
                <a:gd name="connsiteX251" fmla="*/ 352804 w 1010030"/>
                <a:gd name="connsiteY251" fmla="*/ 55103 h 107343"/>
                <a:gd name="connsiteX252" fmla="*/ 352089 w 1010030"/>
                <a:gd name="connsiteY252" fmla="*/ 60113 h 107343"/>
                <a:gd name="connsiteX253" fmla="*/ 367117 w 1010030"/>
                <a:gd name="connsiteY253" fmla="*/ 42938 h 107343"/>
                <a:gd name="connsiteX254" fmla="*/ 360676 w 1010030"/>
                <a:gd name="connsiteY254" fmla="*/ 33634 h 107343"/>
                <a:gd name="connsiteX255" fmla="*/ 351373 w 1010030"/>
                <a:gd name="connsiteY255" fmla="*/ 27909 h 107343"/>
                <a:gd name="connsiteX256" fmla="*/ 339923 w 1010030"/>
                <a:gd name="connsiteY256" fmla="*/ 25763 h 107343"/>
                <a:gd name="connsiteX257" fmla="*/ 328473 w 1010030"/>
                <a:gd name="connsiteY257" fmla="*/ 27909 h 107343"/>
                <a:gd name="connsiteX258" fmla="*/ 319170 w 1010030"/>
                <a:gd name="connsiteY258" fmla="*/ 33634 h 107343"/>
                <a:gd name="connsiteX259" fmla="*/ 312729 w 1010030"/>
                <a:gd name="connsiteY259" fmla="*/ 42938 h 107343"/>
                <a:gd name="connsiteX260" fmla="*/ 310582 w 1010030"/>
                <a:gd name="connsiteY260" fmla="*/ 55103 h 107343"/>
                <a:gd name="connsiteX261" fmla="*/ 312729 w 1010030"/>
                <a:gd name="connsiteY261" fmla="*/ 67269 h 107343"/>
                <a:gd name="connsiteX262" fmla="*/ 319170 w 1010030"/>
                <a:gd name="connsiteY262" fmla="*/ 76572 h 107343"/>
                <a:gd name="connsiteX263" fmla="*/ 328473 w 1010030"/>
                <a:gd name="connsiteY263" fmla="*/ 82297 h 107343"/>
                <a:gd name="connsiteX264" fmla="*/ 339923 w 1010030"/>
                <a:gd name="connsiteY264" fmla="*/ 84444 h 107343"/>
                <a:gd name="connsiteX265" fmla="*/ 351373 w 1010030"/>
                <a:gd name="connsiteY265" fmla="*/ 82297 h 107343"/>
                <a:gd name="connsiteX266" fmla="*/ 360676 w 1010030"/>
                <a:gd name="connsiteY266" fmla="*/ 76572 h 107343"/>
                <a:gd name="connsiteX267" fmla="*/ 367117 w 1010030"/>
                <a:gd name="connsiteY267" fmla="*/ 67269 h 107343"/>
                <a:gd name="connsiteX268" fmla="*/ 369264 w 1010030"/>
                <a:gd name="connsiteY268" fmla="*/ 55103 h 107343"/>
                <a:gd name="connsiteX269" fmla="*/ 367117 w 1010030"/>
                <a:gd name="connsiteY269" fmla="*/ 42938 h 107343"/>
                <a:gd name="connsiteX270" fmla="*/ 281241 w 1010030"/>
                <a:gd name="connsiteY270" fmla="*/ 60113 h 107343"/>
                <a:gd name="connsiteX271" fmla="*/ 278379 w 1010030"/>
                <a:gd name="connsiteY271" fmla="*/ 64406 h 107343"/>
                <a:gd name="connsiteX272" fmla="*/ 274085 w 1010030"/>
                <a:gd name="connsiteY272" fmla="*/ 67269 h 107343"/>
                <a:gd name="connsiteX273" fmla="*/ 268360 w 1010030"/>
                <a:gd name="connsiteY273" fmla="*/ 68700 h 107343"/>
                <a:gd name="connsiteX274" fmla="*/ 262635 w 1010030"/>
                <a:gd name="connsiteY274" fmla="*/ 67269 h 107343"/>
                <a:gd name="connsiteX275" fmla="*/ 258341 w 1010030"/>
                <a:gd name="connsiteY275" fmla="*/ 64406 h 107343"/>
                <a:gd name="connsiteX276" fmla="*/ 256195 w 1010030"/>
                <a:gd name="connsiteY276" fmla="*/ 60113 h 107343"/>
                <a:gd name="connsiteX277" fmla="*/ 255479 w 1010030"/>
                <a:gd name="connsiteY277" fmla="*/ 55103 h 107343"/>
                <a:gd name="connsiteX278" fmla="*/ 256195 w 1010030"/>
                <a:gd name="connsiteY278" fmla="*/ 50094 h 107343"/>
                <a:gd name="connsiteX279" fmla="*/ 258341 w 1010030"/>
                <a:gd name="connsiteY279" fmla="*/ 45800 h 107343"/>
                <a:gd name="connsiteX280" fmla="*/ 262635 w 1010030"/>
                <a:gd name="connsiteY280" fmla="*/ 42938 h 107343"/>
                <a:gd name="connsiteX281" fmla="*/ 268360 w 1010030"/>
                <a:gd name="connsiteY281" fmla="*/ 41506 h 107343"/>
                <a:gd name="connsiteX282" fmla="*/ 274085 w 1010030"/>
                <a:gd name="connsiteY282" fmla="*/ 42938 h 107343"/>
                <a:gd name="connsiteX283" fmla="*/ 278379 w 1010030"/>
                <a:gd name="connsiteY283" fmla="*/ 45800 h 107343"/>
                <a:gd name="connsiteX284" fmla="*/ 281241 w 1010030"/>
                <a:gd name="connsiteY284" fmla="*/ 50094 h 107343"/>
                <a:gd name="connsiteX285" fmla="*/ 281957 w 1010030"/>
                <a:gd name="connsiteY285" fmla="*/ 55103 h 107343"/>
                <a:gd name="connsiteX286" fmla="*/ 281241 w 1010030"/>
                <a:gd name="connsiteY286" fmla="*/ 60113 h 107343"/>
                <a:gd name="connsiteX287" fmla="*/ 298416 w 1010030"/>
                <a:gd name="connsiteY287" fmla="*/ 81581 h 107343"/>
                <a:gd name="connsiteX288" fmla="*/ 298416 w 1010030"/>
                <a:gd name="connsiteY288" fmla="*/ 0 h 107343"/>
                <a:gd name="connsiteX289" fmla="*/ 280526 w 1010030"/>
                <a:gd name="connsiteY289" fmla="*/ 0 h 107343"/>
                <a:gd name="connsiteX290" fmla="*/ 280526 w 1010030"/>
                <a:gd name="connsiteY290" fmla="*/ 33634 h 107343"/>
                <a:gd name="connsiteX291" fmla="*/ 280526 w 1010030"/>
                <a:gd name="connsiteY291" fmla="*/ 33634 h 107343"/>
                <a:gd name="connsiteX292" fmla="*/ 274085 w 1010030"/>
                <a:gd name="connsiteY292" fmla="*/ 28625 h 107343"/>
                <a:gd name="connsiteX293" fmla="*/ 264066 w 1010030"/>
                <a:gd name="connsiteY293" fmla="*/ 26478 h 107343"/>
                <a:gd name="connsiteX294" fmla="*/ 253332 w 1010030"/>
                <a:gd name="connsiteY294" fmla="*/ 28625 h 107343"/>
                <a:gd name="connsiteX295" fmla="*/ 245460 w 1010030"/>
                <a:gd name="connsiteY295" fmla="*/ 35066 h 107343"/>
                <a:gd name="connsiteX296" fmla="*/ 240451 w 1010030"/>
                <a:gd name="connsiteY296" fmla="*/ 44369 h 107343"/>
                <a:gd name="connsiteX297" fmla="*/ 239019 w 1010030"/>
                <a:gd name="connsiteY297" fmla="*/ 55103 h 107343"/>
                <a:gd name="connsiteX298" fmla="*/ 240451 w 1010030"/>
                <a:gd name="connsiteY298" fmla="*/ 65838 h 107343"/>
                <a:gd name="connsiteX299" fmla="*/ 245460 w 1010030"/>
                <a:gd name="connsiteY299" fmla="*/ 75141 h 107343"/>
                <a:gd name="connsiteX300" fmla="*/ 253332 w 1010030"/>
                <a:gd name="connsiteY300" fmla="*/ 81581 h 107343"/>
                <a:gd name="connsiteX301" fmla="*/ 264066 w 1010030"/>
                <a:gd name="connsiteY301" fmla="*/ 83728 h 107343"/>
                <a:gd name="connsiteX302" fmla="*/ 274085 w 1010030"/>
                <a:gd name="connsiteY302" fmla="*/ 81581 h 107343"/>
                <a:gd name="connsiteX303" fmla="*/ 281241 w 1010030"/>
                <a:gd name="connsiteY303" fmla="*/ 75141 h 107343"/>
                <a:gd name="connsiteX304" fmla="*/ 281241 w 1010030"/>
                <a:gd name="connsiteY304" fmla="*/ 75141 h 107343"/>
                <a:gd name="connsiteX305" fmla="*/ 281241 w 1010030"/>
                <a:gd name="connsiteY305" fmla="*/ 82297 h 107343"/>
                <a:gd name="connsiteX306" fmla="*/ 298416 w 1010030"/>
                <a:gd name="connsiteY306" fmla="*/ 81581 h 107343"/>
                <a:gd name="connsiteX307" fmla="*/ 298416 w 1010030"/>
                <a:gd name="connsiteY307" fmla="*/ 81581 h 107343"/>
                <a:gd name="connsiteX308" fmla="*/ 228285 w 1010030"/>
                <a:gd name="connsiteY308" fmla="*/ 81581 h 107343"/>
                <a:gd name="connsiteX309" fmla="*/ 228285 w 1010030"/>
                <a:gd name="connsiteY309" fmla="*/ 48663 h 107343"/>
                <a:gd name="connsiteX310" fmla="*/ 227569 w 1010030"/>
                <a:gd name="connsiteY310" fmla="*/ 40791 h 107343"/>
                <a:gd name="connsiteX311" fmla="*/ 223991 w 1010030"/>
                <a:gd name="connsiteY311" fmla="*/ 33634 h 107343"/>
                <a:gd name="connsiteX312" fmla="*/ 217551 w 1010030"/>
                <a:gd name="connsiteY312" fmla="*/ 28625 h 107343"/>
                <a:gd name="connsiteX313" fmla="*/ 208247 w 1010030"/>
                <a:gd name="connsiteY313" fmla="*/ 26478 h 107343"/>
                <a:gd name="connsiteX314" fmla="*/ 203238 w 1010030"/>
                <a:gd name="connsiteY314" fmla="*/ 27194 h 107343"/>
                <a:gd name="connsiteX315" fmla="*/ 198944 w 1010030"/>
                <a:gd name="connsiteY315" fmla="*/ 29341 h 107343"/>
                <a:gd name="connsiteX316" fmla="*/ 195366 w 1010030"/>
                <a:gd name="connsiteY316" fmla="*/ 32203 h 107343"/>
                <a:gd name="connsiteX317" fmla="*/ 192504 w 1010030"/>
                <a:gd name="connsiteY317" fmla="*/ 35781 h 107343"/>
                <a:gd name="connsiteX318" fmla="*/ 192504 w 1010030"/>
                <a:gd name="connsiteY318" fmla="*/ 35781 h 107343"/>
                <a:gd name="connsiteX319" fmla="*/ 192504 w 1010030"/>
                <a:gd name="connsiteY319" fmla="*/ 28625 h 107343"/>
                <a:gd name="connsiteX320" fmla="*/ 175329 w 1010030"/>
                <a:gd name="connsiteY320" fmla="*/ 28625 h 107343"/>
                <a:gd name="connsiteX321" fmla="*/ 175329 w 1010030"/>
                <a:gd name="connsiteY321" fmla="*/ 82297 h 107343"/>
                <a:gd name="connsiteX322" fmla="*/ 193219 w 1010030"/>
                <a:gd name="connsiteY322" fmla="*/ 82297 h 107343"/>
                <a:gd name="connsiteX323" fmla="*/ 193219 w 1010030"/>
                <a:gd name="connsiteY323" fmla="*/ 52956 h 107343"/>
                <a:gd name="connsiteX324" fmla="*/ 193935 w 1010030"/>
                <a:gd name="connsiteY324" fmla="*/ 48663 h 107343"/>
                <a:gd name="connsiteX325" fmla="*/ 195366 w 1010030"/>
                <a:gd name="connsiteY325" fmla="*/ 45084 h 107343"/>
                <a:gd name="connsiteX326" fmla="*/ 198229 w 1010030"/>
                <a:gd name="connsiteY326" fmla="*/ 42222 h 107343"/>
                <a:gd name="connsiteX327" fmla="*/ 202522 w 1010030"/>
                <a:gd name="connsiteY327" fmla="*/ 41506 h 107343"/>
                <a:gd name="connsiteX328" fmla="*/ 206101 w 1010030"/>
                <a:gd name="connsiteY328" fmla="*/ 42222 h 107343"/>
                <a:gd name="connsiteX329" fmla="*/ 208247 w 1010030"/>
                <a:gd name="connsiteY329" fmla="*/ 44369 h 107343"/>
                <a:gd name="connsiteX330" fmla="*/ 209679 w 1010030"/>
                <a:gd name="connsiteY330" fmla="*/ 47947 h 107343"/>
                <a:gd name="connsiteX331" fmla="*/ 210394 w 1010030"/>
                <a:gd name="connsiteY331" fmla="*/ 52241 h 107343"/>
                <a:gd name="connsiteX332" fmla="*/ 210394 w 1010030"/>
                <a:gd name="connsiteY332" fmla="*/ 81581 h 107343"/>
                <a:gd name="connsiteX333" fmla="*/ 228285 w 1010030"/>
                <a:gd name="connsiteY333" fmla="*/ 81581 h 107343"/>
                <a:gd name="connsiteX334" fmla="*/ 122372 w 1010030"/>
                <a:gd name="connsiteY334" fmla="*/ 45084 h 107343"/>
                <a:gd name="connsiteX335" fmla="*/ 128097 w 1010030"/>
                <a:gd name="connsiteY335" fmla="*/ 41506 h 107343"/>
                <a:gd name="connsiteX336" fmla="*/ 135254 w 1010030"/>
                <a:gd name="connsiteY336" fmla="*/ 40075 h 107343"/>
                <a:gd name="connsiteX337" fmla="*/ 142410 w 1010030"/>
                <a:gd name="connsiteY337" fmla="*/ 42222 h 107343"/>
                <a:gd name="connsiteX338" fmla="*/ 145272 w 1010030"/>
                <a:gd name="connsiteY338" fmla="*/ 47947 h 107343"/>
                <a:gd name="connsiteX339" fmla="*/ 145272 w 1010030"/>
                <a:gd name="connsiteY339" fmla="*/ 48663 h 107343"/>
                <a:gd name="connsiteX340" fmla="*/ 133107 w 1010030"/>
                <a:gd name="connsiteY340" fmla="*/ 49378 h 107343"/>
                <a:gd name="connsiteX341" fmla="*/ 121657 w 1010030"/>
                <a:gd name="connsiteY341" fmla="*/ 52241 h 107343"/>
                <a:gd name="connsiteX342" fmla="*/ 113785 w 1010030"/>
                <a:gd name="connsiteY342" fmla="*/ 57966 h 107343"/>
                <a:gd name="connsiteX343" fmla="*/ 110922 w 1010030"/>
                <a:gd name="connsiteY343" fmla="*/ 67269 h 107343"/>
                <a:gd name="connsiteX344" fmla="*/ 113069 w 1010030"/>
                <a:gd name="connsiteY344" fmla="*/ 75141 h 107343"/>
                <a:gd name="connsiteX345" fmla="*/ 118078 w 1010030"/>
                <a:gd name="connsiteY345" fmla="*/ 80150 h 107343"/>
                <a:gd name="connsiteX346" fmla="*/ 124519 w 1010030"/>
                <a:gd name="connsiteY346" fmla="*/ 83013 h 107343"/>
                <a:gd name="connsiteX347" fmla="*/ 130960 w 1010030"/>
                <a:gd name="connsiteY347" fmla="*/ 83728 h 107343"/>
                <a:gd name="connsiteX348" fmla="*/ 140263 w 1010030"/>
                <a:gd name="connsiteY348" fmla="*/ 81581 h 107343"/>
                <a:gd name="connsiteX349" fmla="*/ 146704 w 1010030"/>
                <a:gd name="connsiteY349" fmla="*/ 76572 h 107343"/>
                <a:gd name="connsiteX350" fmla="*/ 146704 w 1010030"/>
                <a:gd name="connsiteY350" fmla="*/ 76572 h 107343"/>
                <a:gd name="connsiteX351" fmla="*/ 146704 w 1010030"/>
                <a:gd name="connsiteY351" fmla="*/ 82297 h 107343"/>
                <a:gd name="connsiteX352" fmla="*/ 163163 w 1010030"/>
                <a:gd name="connsiteY352" fmla="*/ 82297 h 107343"/>
                <a:gd name="connsiteX353" fmla="*/ 163163 w 1010030"/>
                <a:gd name="connsiteY353" fmla="*/ 55103 h 107343"/>
                <a:gd name="connsiteX354" fmla="*/ 161732 w 1010030"/>
                <a:gd name="connsiteY354" fmla="*/ 42222 h 107343"/>
                <a:gd name="connsiteX355" fmla="*/ 157438 w 1010030"/>
                <a:gd name="connsiteY355" fmla="*/ 33634 h 107343"/>
                <a:gd name="connsiteX356" fmla="*/ 149566 w 1010030"/>
                <a:gd name="connsiteY356" fmla="*/ 28625 h 107343"/>
                <a:gd name="connsiteX357" fmla="*/ 138116 w 1010030"/>
                <a:gd name="connsiteY357" fmla="*/ 27194 h 107343"/>
                <a:gd name="connsiteX358" fmla="*/ 125235 w 1010030"/>
                <a:gd name="connsiteY358" fmla="*/ 29341 h 107343"/>
                <a:gd name="connsiteX359" fmla="*/ 114500 w 1010030"/>
                <a:gd name="connsiteY359" fmla="*/ 36497 h 107343"/>
                <a:gd name="connsiteX360" fmla="*/ 122372 w 1010030"/>
                <a:gd name="connsiteY360" fmla="*/ 45084 h 107343"/>
                <a:gd name="connsiteX361" fmla="*/ 145988 w 1010030"/>
                <a:gd name="connsiteY361" fmla="*/ 60113 h 107343"/>
                <a:gd name="connsiteX362" fmla="*/ 143125 w 1010030"/>
                <a:gd name="connsiteY362" fmla="*/ 67985 h 107343"/>
                <a:gd name="connsiteX363" fmla="*/ 134538 w 1010030"/>
                <a:gd name="connsiteY363" fmla="*/ 70847 h 107343"/>
                <a:gd name="connsiteX364" fmla="*/ 131675 w 1010030"/>
                <a:gd name="connsiteY364" fmla="*/ 70847 h 107343"/>
                <a:gd name="connsiteX365" fmla="*/ 129528 w 1010030"/>
                <a:gd name="connsiteY365" fmla="*/ 70131 h 107343"/>
                <a:gd name="connsiteX366" fmla="*/ 128097 w 1010030"/>
                <a:gd name="connsiteY366" fmla="*/ 68700 h 107343"/>
                <a:gd name="connsiteX367" fmla="*/ 127382 w 1010030"/>
                <a:gd name="connsiteY367" fmla="*/ 65838 h 107343"/>
                <a:gd name="connsiteX368" fmla="*/ 128813 w 1010030"/>
                <a:gd name="connsiteY368" fmla="*/ 62260 h 107343"/>
                <a:gd name="connsiteX369" fmla="*/ 132391 w 1010030"/>
                <a:gd name="connsiteY369" fmla="*/ 60113 h 107343"/>
                <a:gd name="connsiteX370" fmla="*/ 137400 w 1010030"/>
                <a:gd name="connsiteY370" fmla="*/ 59397 h 107343"/>
                <a:gd name="connsiteX371" fmla="*/ 143125 w 1010030"/>
                <a:gd name="connsiteY371" fmla="*/ 59397 h 107343"/>
                <a:gd name="connsiteX372" fmla="*/ 145272 w 1010030"/>
                <a:gd name="connsiteY372" fmla="*/ 59397 h 107343"/>
                <a:gd name="connsiteX373" fmla="*/ 145988 w 1010030"/>
                <a:gd name="connsiteY373" fmla="*/ 60113 h 107343"/>
                <a:gd name="connsiteX374" fmla="*/ 145988 w 1010030"/>
                <a:gd name="connsiteY374" fmla="*/ 60113 h 107343"/>
                <a:gd name="connsiteX375" fmla="*/ 107344 w 1010030"/>
                <a:gd name="connsiteY375" fmla="*/ 27194 h 107343"/>
                <a:gd name="connsiteX376" fmla="*/ 105913 w 1010030"/>
                <a:gd name="connsiteY376" fmla="*/ 27194 h 107343"/>
                <a:gd name="connsiteX377" fmla="*/ 103766 w 1010030"/>
                <a:gd name="connsiteY377" fmla="*/ 27194 h 107343"/>
                <a:gd name="connsiteX378" fmla="*/ 95178 w 1010030"/>
                <a:gd name="connsiteY378" fmla="*/ 30056 h 107343"/>
                <a:gd name="connsiteX379" fmla="*/ 89453 w 1010030"/>
                <a:gd name="connsiteY379" fmla="*/ 36497 h 107343"/>
                <a:gd name="connsiteX380" fmla="*/ 89453 w 1010030"/>
                <a:gd name="connsiteY380" fmla="*/ 36497 h 107343"/>
                <a:gd name="connsiteX381" fmla="*/ 89453 w 1010030"/>
                <a:gd name="connsiteY381" fmla="*/ 27909 h 107343"/>
                <a:gd name="connsiteX382" fmla="*/ 71563 w 1010030"/>
                <a:gd name="connsiteY382" fmla="*/ 27909 h 107343"/>
                <a:gd name="connsiteX383" fmla="*/ 71563 w 1010030"/>
                <a:gd name="connsiteY383" fmla="*/ 81581 h 107343"/>
                <a:gd name="connsiteX384" fmla="*/ 89453 w 1010030"/>
                <a:gd name="connsiteY384" fmla="*/ 81581 h 107343"/>
                <a:gd name="connsiteX385" fmla="*/ 89453 w 1010030"/>
                <a:gd name="connsiteY385" fmla="*/ 54388 h 107343"/>
                <a:gd name="connsiteX386" fmla="*/ 90169 w 1010030"/>
                <a:gd name="connsiteY386" fmla="*/ 50809 h 107343"/>
                <a:gd name="connsiteX387" fmla="*/ 92316 w 1010030"/>
                <a:gd name="connsiteY387" fmla="*/ 46516 h 107343"/>
                <a:gd name="connsiteX388" fmla="*/ 95894 w 1010030"/>
                <a:gd name="connsiteY388" fmla="*/ 43653 h 107343"/>
                <a:gd name="connsiteX389" fmla="*/ 101619 w 1010030"/>
                <a:gd name="connsiteY389" fmla="*/ 42222 h 107343"/>
                <a:gd name="connsiteX390" fmla="*/ 103766 w 1010030"/>
                <a:gd name="connsiteY390" fmla="*/ 42222 h 107343"/>
                <a:gd name="connsiteX391" fmla="*/ 105913 w 1010030"/>
                <a:gd name="connsiteY391" fmla="*/ 42938 h 107343"/>
                <a:gd name="connsiteX392" fmla="*/ 107344 w 1010030"/>
                <a:gd name="connsiteY392" fmla="*/ 27194 h 107343"/>
                <a:gd name="connsiteX393" fmla="*/ 40791 w 1010030"/>
                <a:gd name="connsiteY393" fmla="*/ 62260 h 107343"/>
                <a:gd name="connsiteX394" fmla="*/ 37928 w 1010030"/>
                <a:gd name="connsiteY394" fmla="*/ 65122 h 107343"/>
                <a:gd name="connsiteX395" fmla="*/ 33634 w 1010030"/>
                <a:gd name="connsiteY395" fmla="*/ 66553 h 107343"/>
                <a:gd name="connsiteX396" fmla="*/ 29341 w 1010030"/>
                <a:gd name="connsiteY396" fmla="*/ 67269 h 107343"/>
                <a:gd name="connsiteX397" fmla="*/ 19322 w 1010030"/>
                <a:gd name="connsiteY397" fmla="*/ 67269 h 107343"/>
                <a:gd name="connsiteX398" fmla="*/ 19322 w 1010030"/>
                <a:gd name="connsiteY398" fmla="*/ 49378 h 107343"/>
                <a:gd name="connsiteX399" fmla="*/ 28625 w 1010030"/>
                <a:gd name="connsiteY399" fmla="*/ 49378 h 107343"/>
                <a:gd name="connsiteX400" fmla="*/ 37928 w 1010030"/>
                <a:gd name="connsiteY400" fmla="*/ 51525 h 107343"/>
                <a:gd name="connsiteX401" fmla="*/ 41506 w 1010030"/>
                <a:gd name="connsiteY401" fmla="*/ 57966 h 107343"/>
                <a:gd name="connsiteX402" fmla="*/ 40791 w 1010030"/>
                <a:gd name="connsiteY402" fmla="*/ 62260 h 107343"/>
                <a:gd name="connsiteX403" fmla="*/ 36497 w 1010030"/>
                <a:gd name="connsiteY403" fmla="*/ 33634 h 107343"/>
                <a:gd name="connsiteX404" fmla="*/ 28625 w 1010030"/>
                <a:gd name="connsiteY404" fmla="*/ 35781 h 107343"/>
                <a:gd name="connsiteX405" fmla="*/ 18606 w 1010030"/>
                <a:gd name="connsiteY405" fmla="*/ 35781 h 107343"/>
                <a:gd name="connsiteX406" fmla="*/ 18606 w 1010030"/>
                <a:gd name="connsiteY406" fmla="*/ 20038 h 107343"/>
                <a:gd name="connsiteX407" fmla="*/ 27909 w 1010030"/>
                <a:gd name="connsiteY407" fmla="*/ 20038 h 107343"/>
                <a:gd name="connsiteX408" fmla="*/ 36497 w 1010030"/>
                <a:gd name="connsiteY408" fmla="*/ 21469 h 107343"/>
                <a:gd name="connsiteX409" fmla="*/ 39359 w 1010030"/>
                <a:gd name="connsiteY409" fmla="*/ 27194 h 107343"/>
                <a:gd name="connsiteX410" fmla="*/ 36497 w 1010030"/>
                <a:gd name="connsiteY410" fmla="*/ 33634 h 107343"/>
                <a:gd name="connsiteX411" fmla="*/ 59397 w 1010030"/>
                <a:gd name="connsiteY411" fmla="*/ 52956 h 107343"/>
                <a:gd name="connsiteX412" fmla="*/ 55819 w 1010030"/>
                <a:gd name="connsiteY412" fmla="*/ 47947 h 107343"/>
                <a:gd name="connsiteX413" fmla="*/ 50810 w 1010030"/>
                <a:gd name="connsiteY413" fmla="*/ 44369 h 107343"/>
                <a:gd name="connsiteX414" fmla="*/ 44369 w 1010030"/>
                <a:gd name="connsiteY414" fmla="*/ 42222 h 107343"/>
                <a:gd name="connsiteX415" fmla="*/ 44369 w 1010030"/>
                <a:gd name="connsiteY415" fmla="*/ 42222 h 107343"/>
                <a:gd name="connsiteX416" fmla="*/ 53672 w 1010030"/>
                <a:gd name="connsiteY416" fmla="*/ 36497 h 107343"/>
                <a:gd name="connsiteX417" fmla="*/ 57250 w 1010030"/>
                <a:gd name="connsiteY417" fmla="*/ 25763 h 107343"/>
                <a:gd name="connsiteX418" fmla="*/ 55103 w 1010030"/>
                <a:gd name="connsiteY418" fmla="*/ 16459 h 107343"/>
                <a:gd name="connsiteX419" fmla="*/ 48663 w 1010030"/>
                <a:gd name="connsiteY419" fmla="*/ 10734 h 107343"/>
                <a:gd name="connsiteX420" fmla="*/ 40075 w 1010030"/>
                <a:gd name="connsiteY420" fmla="*/ 7872 h 107343"/>
                <a:gd name="connsiteX421" fmla="*/ 30772 w 1010030"/>
                <a:gd name="connsiteY421" fmla="*/ 7156 h 107343"/>
                <a:gd name="connsiteX422" fmla="*/ 0 w 1010030"/>
                <a:gd name="connsiteY422" fmla="*/ 7156 h 107343"/>
                <a:gd name="connsiteX423" fmla="*/ 0 w 1010030"/>
                <a:gd name="connsiteY423" fmla="*/ 83728 h 107343"/>
                <a:gd name="connsiteX424" fmla="*/ 30772 w 1010030"/>
                <a:gd name="connsiteY424" fmla="*/ 83728 h 107343"/>
                <a:gd name="connsiteX425" fmla="*/ 41506 w 1010030"/>
                <a:gd name="connsiteY425" fmla="*/ 82297 h 107343"/>
                <a:gd name="connsiteX426" fmla="*/ 50810 w 1010030"/>
                <a:gd name="connsiteY426" fmla="*/ 78719 h 107343"/>
                <a:gd name="connsiteX427" fmla="*/ 57250 w 1010030"/>
                <a:gd name="connsiteY427" fmla="*/ 71563 h 107343"/>
                <a:gd name="connsiteX428" fmla="*/ 59397 w 1010030"/>
                <a:gd name="connsiteY428" fmla="*/ 60828 h 107343"/>
                <a:gd name="connsiteX429" fmla="*/ 59397 w 1010030"/>
                <a:gd name="connsiteY429" fmla="*/ 52956 h 10734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 ang="0">
                  <a:pos x="connsiteX76" y="connsiteY76"/>
                </a:cxn>
                <a:cxn ang="0">
                  <a:pos x="connsiteX77" y="connsiteY77"/>
                </a:cxn>
                <a:cxn ang="0">
                  <a:pos x="connsiteX78" y="connsiteY78"/>
                </a:cxn>
                <a:cxn ang="0">
                  <a:pos x="connsiteX79" y="connsiteY79"/>
                </a:cxn>
                <a:cxn ang="0">
                  <a:pos x="connsiteX80" y="connsiteY80"/>
                </a:cxn>
                <a:cxn ang="0">
                  <a:pos x="connsiteX81" y="connsiteY81"/>
                </a:cxn>
                <a:cxn ang="0">
                  <a:pos x="connsiteX82" y="connsiteY82"/>
                </a:cxn>
                <a:cxn ang="0">
                  <a:pos x="connsiteX83" y="connsiteY83"/>
                </a:cxn>
                <a:cxn ang="0">
                  <a:pos x="connsiteX84" y="connsiteY84"/>
                </a:cxn>
                <a:cxn ang="0">
                  <a:pos x="connsiteX85" y="connsiteY85"/>
                </a:cxn>
                <a:cxn ang="0">
                  <a:pos x="connsiteX86" y="connsiteY86"/>
                </a:cxn>
                <a:cxn ang="0">
                  <a:pos x="connsiteX87" y="connsiteY87"/>
                </a:cxn>
                <a:cxn ang="0">
                  <a:pos x="connsiteX88" y="connsiteY88"/>
                </a:cxn>
                <a:cxn ang="0">
                  <a:pos x="connsiteX89" y="connsiteY89"/>
                </a:cxn>
                <a:cxn ang="0">
                  <a:pos x="connsiteX90" y="connsiteY90"/>
                </a:cxn>
                <a:cxn ang="0">
                  <a:pos x="connsiteX91" y="connsiteY91"/>
                </a:cxn>
                <a:cxn ang="0">
                  <a:pos x="connsiteX92" y="connsiteY92"/>
                </a:cxn>
                <a:cxn ang="0">
                  <a:pos x="connsiteX93" y="connsiteY93"/>
                </a:cxn>
                <a:cxn ang="0">
                  <a:pos x="connsiteX94" y="connsiteY94"/>
                </a:cxn>
                <a:cxn ang="0">
                  <a:pos x="connsiteX95" y="connsiteY95"/>
                </a:cxn>
                <a:cxn ang="0">
                  <a:pos x="connsiteX96" y="connsiteY96"/>
                </a:cxn>
                <a:cxn ang="0">
                  <a:pos x="connsiteX97" y="connsiteY97"/>
                </a:cxn>
                <a:cxn ang="0">
                  <a:pos x="connsiteX98" y="connsiteY98"/>
                </a:cxn>
                <a:cxn ang="0">
                  <a:pos x="connsiteX99" y="connsiteY99"/>
                </a:cxn>
                <a:cxn ang="0">
                  <a:pos x="connsiteX100" y="connsiteY100"/>
                </a:cxn>
                <a:cxn ang="0">
                  <a:pos x="connsiteX101" y="connsiteY101"/>
                </a:cxn>
                <a:cxn ang="0">
                  <a:pos x="connsiteX102" y="connsiteY102"/>
                </a:cxn>
                <a:cxn ang="0">
                  <a:pos x="connsiteX103" y="connsiteY103"/>
                </a:cxn>
                <a:cxn ang="0">
                  <a:pos x="connsiteX104" y="connsiteY104"/>
                </a:cxn>
                <a:cxn ang="0">
                  <a:pos x="connsiteX105" y="connsiteY105"/>
                </a:cxn>
                <a:cxn ang="0">
                  <a:pos x="connsiteX106" y="connsiteY106"/>
                </a:cxn>
                <a:cxn ang="0">
                  <a:pos x="connsiteX107" y="connsiteY107"/>
                </a:cxn>
                <a:cxn ang="0">
                  <a:pos x="connsiteX108" y="connsiteY108"/>
                </a:cxn>
                <a:cxn ang="0">
                  <a:pos x="connsiteX109" y="connsiteY109"/>
                </a:cxn>
                <a:cxn ang="0">
                  <a:pos x="connsiteX110" y="connsiteY110"/>
                </a:cxn>
                <a:cxn ang="0">
                  <a:pos x="connsiteX111" y="connsiteY111"/>
                </a:cxn>
                <a:cxn ang="0">
                  <a:pos x="connsiteX112" y="connsiteY112"/>
                </a:cxn>
                <a:cxn ang="0">
                  <a:pos x="connsiteX113" y="connsiteY113"/>
                </a:cxn>
                <a:cxn ang="0">
                  <a:pos x="connsiteX114" y="connsiteY114"/>
                </a:cxn>
                <a:cxn ang="0">
                  <a:pos x="connsiteX115" y="connsiteY115"/>
                </a:cxn>
                <a:cxn ang="0">
                  <a:pos x="connsiteX116" y="connsiteY116"/>
                </a:cxn>
                <a:cxn ang="0">
                  <a:pos x="connsiteX117" y="connsiteY117"/>
                </a:cxn>
                <a:cxn ang="0">
                  <a:pos x="connsiteX118" y="connsiteY118"/>
                </a:cxn>
                <a:cxn ang="0">
                  <a:pos x="connsiteX119" y="connsiteY119"/>
                </a:cxn>
                <a:cxn ang="0">
                  <a:pos x="connsiteX120" y="connsiteY120"/>
                </a:cxn>
                <a:cxn ang="0">
                  <a:pos x="connsiteX121" y="connsiteY121"/>
                </a:cxn>
                <a:cxn ang="0">
                  <a:pos x="connsiteX122" y="connsiteY122"/>
                </a:cxn>
                <a:cxn ang="0">
                  <a:pos x="connsiteX123" y="connsiteY123"/>
                </a:cxn>
                <a:cxn ang="0">
                  <a:pos x="connsiteX124" y="connsiteY124"/>
                </a:cxn>
                <a:cxn ang="0">
                  <a:pos x="connsiteX125" y="connsiteY125"/>
                </a:cxn>
                <a:cxn ang="0">
                  <a:pos x="connsiteX126" y="connsiteY126"/>
                </a:cxn>
                <a:cxn ang="0">
                  <a:pos x="connsiteX127" y="connsiteY127"/>
                </a:cxn>
                <a:cxn ang="0">
                  <a:pos x="connsiteX128" y="connsiteY128"/>
                </a:cxn>
                <a:cxn ang="0">
                  <a:pos x="connsiteX129" y="connsiteY129"/>
                </a:cxn>
                <a:cxn ang="0">
                  <a:pos x="connsiteX130" y="connsiteY130"/>
                </a:cxn>
                <a:cxn ang="0">
                  <a:pos x="connsiteX131" y="connsiteY131"/>
                </a:cxn>
                <a:cxn ang="0">
                  <a:pos x="connsiteX132" y="connsiteY132"/>
                </a:cxn>
                <a:cxn ang="0">
                  <a:pos x="connsiteX133" y="connsiteY133"/>
                </a:cxn>
                <a:cxn ang="0">
                  <a:pos x="connsiteX134" y="connsiteY134"/>
                </a:cxn>
                <a:cxn ang="0">
                  <a:pos x="connsiteX135" y="connsiteY135"/>
                </a:cxn>
                <a:cxn ang="0">
                  <a:pos x="connsiteX136" y="connsiteY136"/>
                </a:cxn>
                <a:cxn ang="0">
                  <a:pos x="connsiteX137" y="connsiteY137"/>
                </a:cxn>
                <a:cxn ang="0">
                  <a:pos x="connsiteX138" y="connsiteY138"/>
                </a:cxn>
                <a:cxn ang="0">
                  <a:pos x="connsiteX139" y="connsiteY139"/>
                </a:cxn>
                <a:cxn ang="0">
                  <a:pos x="connsiteX140" y="connsiteY140"/>
                </a:cxn>
                <a:cxn ang="0">
                  <a:pos x="connsiteX141" y="connsiteY141"/>
                </a:cxn>
                <a:cxn ang="0">
                  <a:pos x="connsiteX142" y="connsiteY142"/>
                </a:cxn>
                <a:cxn ang="0">
                  <a:pos x="connsiteX143" y="connsiteY143"/>
                </a:cxn>
                <a:cxn ang="0">
                  <a:pos x="connsiteX144" y="connsiteY144"/>
                </a:cxn>
                <a:cxn ang="0">
                  <a:pos x="connsiteX145" y="connsiteY145"/>
                </a:cxn>
                <a:cxn ang="0">
                  <a:pos x="connsiteX146" y="connsiteY146"/>
                </a:cxn>
                <a:cxn ang="0">
                  <a:pos x="connsiteX147" y="connsiteY147"/>
                </a:cxn>
                <a:cxn ang="0">
                  <a:pos x="connsiteX148" y="connsiteY148"/>
                </a:cxn>
                <a:cxn ang="0">
                  <a:pos x="connsiteX149" y="connsiteY149"/>
                </a:cxn>
                <a:cxn ang="0">
                  <a:pos x="connsiteX150" y="connsiteY150"/>
                </a:cxn>
                <a:cxn ang="0">
                  <a:pos x="connsiteX151" y="connsiteY151"/>
                </a:cxn>
                <a:cxn ang="0">
                  <a:pos x="connsiteX152" y="connsiteY152"/>
                </a:cxn>
                <a:cxn ang="0">
                  <a:pos x="connsiteX153" y="connsiteY153"/>
                </a:cxn>
                <a:cxn ang="0">
                  <a:pos x="connsiteX154" y="connsiteY154"/>
                </a:cxn>
                <a:cxn ang="0">
                  <a:pos x="connsiteX155" y="connsiteY155"/>
                </a:cxn>
                <a:cxn ang="0">
                  <a:pos x="connsiteX156" y="connsiteY156"/>
                </a:cxn>
                <a:cxn ang="0">
                  <a:pos x="connsiteX157" y="connsiteY157"/>
                </a:cxn>
                <a:cxn ang="0">
                  <a:pos x="connsiteX158" y="connsiteY158"/>
                </a:cxn>
                <a:cxn ang="0">
                  <a:pos x="connsiteX159" y="connsiteY159"/>
                </a:cxn>
                <a:cxn ang="0">
                  <a:pos x="connsiteX160" y="connsiteY160"/>
                </a:cxn>
                <a:cxn ang="0">
                  <a:pos x="connsiteX161" y="connsiteY161"/>
                </a:cxn>
                <a:cxn ang="0">
                  <a:pos x="connsiteX162" y="connsiteY162"/>
                </a:cxn>
                <a:cxn ang="0">
                  <a:pos x="connsiteX163" y="connsiteY163"/>
                </a:cxn>
                <a:cxn ang="0">
                  <a:pos x="connsiteX164" y="connsiteY164"/>
                </a:cxn>
                <a:cxn ang="0">
                  <a:pos x="connsiteX165" y="connsiteY165"/>
                </a:cxn>
                <a:cxn ang="0">
                  <a:pos x="connsiteX166" y="connsiteY166"/>
                </a:cxn>
                <a:cxn ang="0">
                  <a:pos x="connsiteX167" y="connsiteY167"/>
                </a:cxn>
                <a:cxn ang="0">
                  <a:pos x="connsiteX168" y="connsiteY168"/>
                </a:cxn>
                <a:cxn ang="0">
                  <a:pos x="connsiteX169" y="connsiteY169"/>
                </a:cxn>
                <a:cxn ang="0">
                  <a:pos x="connsiteX170" y="connsiteY170"/>
                </a:cxn>
                <a:cxn ang="0">
                  <a:pos x="connsiteX171" y="connsiteY171"/>
                </a:cxn>
                <a:cxn ang="0">
                  <a:pos x="connsiteX172" y="connsiteY172"/>
                </a:cxn>
                <a:cxn ang="0">
                  <a:pos x="connsiteX173" y="connsiteY173"/>
                </a:cxn>
                <a:cxn ang="0">
                  <a:pos x="connsiteX174" y="connsiteY174"/>
                </a:cxn>
                <a:cxn ang="0">
                  <a:pos x="connsiteX175" y="connsiteY175"/>
                </a:cxn>
                <a:cxn ang="0">
                  <a:pos x="connsiteX176" y="connsiteY176"/>
                </a:cxn>
                <a:cxn ang="0">
                  <a:pos x="connsiteX177" y="connsiteY177"/>
                </a:cxn>
                <a:cxn ang="0">
                  <a:pos x="connsiteX178" y="connsiteY178"/>
                </a:cxn>
                <a:cxn ang="0">
                  <a:pos x="connsiteX179" y="connsiteY179"/>
                </a:cxn>
                <a:cxn ang="0">
                  <a:pos x="connsiteX180" y="connsiteY180"/>
                </a:cxn>
                <a:cxn ang="0">
                  <a:pos x="connsiteX181" y="connsiteY181"/>
                </a:cxn>
                <a:cxn ang="0">
                  <a:pos x="connsiteX182" y="connsiteY182"/>
                </a:cxn>
                <a:cxn ang="0">
                  <a:pos x="connsiteX183" y="connsiteY183"/>
                </a:cxn>
                <a:cxn ang="0">
                  <a:pos x="connsiteX184" y="connsiteY184"/>
                </a:cxn>
                <a:cxn ang="0">
                  <a:pos x="connsiteX185" y="connsiteY185"/>
                </a:cxn>
                <a:cxn ang="0">
                  <a:pos x="connsiteX186" y="connsiteY186"/>
                </a:cxn>
                <a:cxn ang="0">
                  <a:pos x="connsiteX187" y="connsiteY187"/>
                </a:cxn>
                <a:cxn ang="0">
                  <a:pos x="connsiteX188" y="connsiteY188"/>
                </a:cxn>
                <a:cxn ang="0">
                  <a:pos x="connsiteX189" y="connsiteY189"/>
                </a:cxn>
                <a:cxn ang="0">
                  <a:pos x="connsiteX190" y="connsiteY190"/>
                </a:cxn>
                <a:cxn ang="0">
                  <a:pos x="connsiteX191" y="connsiteY191"/>
                </a:cxn>
                <a:cxn ang="0">
                  <a:pos x="connsiteX192" y="connsiteY192"/>
                </a:cxn>
                <a:cxn ang="0">
                  <a:pos x="connsiteX193" y="connsiteY193"/>
                </a:cxn>
                <a:cxn ang="0">
                  <a:pos x="connsiteX194" y="connsiteY194"/>
                </a:cxn>
                <a:cxn ang="0">
                  <a:pos x="connsiteX195" y="connsiteY195"/>
                </a:cxn>
                <a:cxn ang="0">
                  <a:pos x="connsiteX196" y="connsiteY196"/>
                </a:cxn>
                <a:cxn ang="0">
                  <a:pos x="connsiteX197" y="connsiteY197"/>
                </a:cxn>
                <a:cxn ang="0">
                  <a:pos x="connsiteX198" y="connsiteY198"/>
                </a:cxn>
                <a:cxn ang="0">
                  <a:pos x="connsiteX199" y="connsiteY199"/>
                </a:cxn>
                <a:cxn ang="0">
                  <a:pos x="connsiteX200" y="connsiteY200"/>
                </a:cxn>
                <a:cxn ang="0">
                  <a:pos x="connsiteX201" y="connsiteY201"/>
                </a:cxn>
                <a:cxn ang="0">
                  <a:pos x="connsiteX202" y="connsiteY202"/>
                </a:cxn>
                <a:cxn ang="0">
                  <a:pos x="connsiteX203" y="connsiteY203"/>
                </a:cxn>
                <a:cxn ang="0">
                  <a:pos x="connsiteX204" y="connsiteY204"/>
                </a:cxn>
                <a:cxn ang="0">
                  <a:pos x="connsiteX205" y="connsiteY205"/>
                </a:cxn>
                <a:cxn ang="0">
                  <a:pos x="connsiteX206" y="connsiteY206"/>
                </a:cxn>
                <a:cxn ang="0">
                  <a:pos x="connsiteX207" y="connsiteY207"/>
                </a:cxn>
                <a:cxn ang="0">
                  <a:pos x="connsiteX208" y="connsiteY208"/>
                </a:cxn>
                <a:cxn ang="0">
                  <a:pos x="connsiteX209" y="connsiteY209"/>
                </a:cxn>
                <a:cxn ang="0">
                  <a:pos x="connsiteX210" y="connsiteY210"/>
                </a:cxn>
                <a:cxn ang="0">
                  <a:pos x="connsiteX211" y="connsiteY211"/>
                </a:cxn>
                <a:cxn ang="0">
                  <a:pos x="connsiteX212" y="connsiteY212"/>
                </a:cxn>
                <a:cxn ang="0">
                  <a:pos x="connsiteX213" y="connsiteY213"/>
                </a:cxn>
                <a:cxn ang="0">
                  <a:pos x="connsiteX214" y="connsiteY214"/>
                </a:cxn>
                <a:cxn ang="0">
                  <a:pos x="connsiteX215" y="connsiteY215"/>
                </a:cxn>
                <a:cxn ang="0">
                  <a:pos x="connsiteX216" y="connsiteY216"/>
                </a:cxn>
                <a:cxn ang="0">
                  <a:pos x="connsiteX217" y="connsiteY217"/>
                </a:cxn>
                <a:cxn ang="0">
                  <a:pos x="connsiteX218" y="connsiteY218"/>
                </a:cxn>
                <a:cxn ang="0">
                  <a:pos x="connsiteX219" y="connsiteY219"/>
                </a:cxn>
                <a:cxn ang="0">
                  <a:pos x="connsiteX220" y="connsiteY220"/>
                </a:cxn>
                <a:cxn ang="0">
                  <a:pos x="connsiteX221" y="connsiteY221"/>
                </a:cxn>
                <a:cxn ang="0">
                  <a:pos x="connsiteX222" y="connsiteY222"/>
                </a:cxn>
                <a:cxn ang="0">
                  <a:pos x="connsiteX223" y="connsiteY223"/>
                </a:cxn>
                <a:cxn ang="0">
                  <a:pos x="connsiteX224" y="connsiteY224"/>
                </a:cxn>
                <a:cxn ang="0">
                  <a:pos x="connsiteX225" y="connsiteY225"/>
                </a:cxn>
                <a:cxn ang="0">
                  <a:pos x="connsiteX226" y="connsiteY226"/>
                </a:cxn>
                <a:cxn ang="0">
                  <a:pos x="connsiteX227" y="connsiteY227"/>
                </a:cxn>
                <a:cxn ang="0">
                  <a:pos x="connsiteX228" y="connsiteY228"/>
                </a:cxn>
                <a:cxn ang="0">
                  <a:pos x="connsiteX229" y="connsiteY229"/>
                </a:cxn>
                <a:cxn ang="0">
                  <a:pos x="connsiteX230" y="connsiteY230"/>
                </a:cxn>
                <a:cxn ang="0">
                  <a:pos x="connsiteX231" y="connsiteY231"/>
                </a:cxn>
                <a:cxn ang="0">
                  <a:pos x="connsiteX232" y="connsiteY232"/>
                </a:cxn>
                <a:cxn ang="0">
                  <a:pos x="connsiteX233" y="connsiteY233"/>
                </a:cxn>
                <a:cxn ang="0">
                  <a:pos x="connsiteX234" y="connsiteY234"/>
                </a:cxn>
                <a:cxn ang="0">
                  <a:pos x="connsiteX235" y="connsiteY235"/>
                </a:cxn>
                <a:cxn ang="0">
                  <a:pos x="connsiteX236" y="connsiteY236"/>
                </a:cxn>
                <a:cxn ang="0">
                  <a:pos x="connsiteX237" y="connsiteY237"/>
                </a:cxn>
                <a:cxn ang="0">
                  <a:pos x="connsiteX238" y="connsiteY238"/>
                </a:cxn>
                <a:cxn ang="0">
                  <a:pos x="connsiteX239" y="connsiteY239"/>
                </a:cxn>
                <a:cxn ang="0">
                  <a:pos x="connsiteX240" y="connsiteY240"/>
                </a:cxn>
                <a:cxn ang="0">
                  <a:pos x="connsiteX241" y="connsiteY241"/>
                </a:cxn>
                <a:cxn ang="0">
                  <a:pos x="connsiteX242" y="connsiteY242"/>
                </a:cxn>
                <a:cxn ang="0">
                  <a:pos x="connsiteX243" y="connsiteY243"/>
                </a:cxn>
                <a:cxn ang="0">
                  <a:pos x="connsiteX244" y="connsiteY244"/>
                </a:cxn>
                <a:cxn ang="0">
                  <a:pos x="connsiteX245" y="connsiteY245"/>
                </a:cxn>
                <a:cxn ang="0">
                  <a:pos x="connsiteX246" y="connsiteY246"/>
                </a:cxn>
                <a:cxn ang="0">
                  <a:pos x="connsiteX247" y="connsiteY247"/>
                </a:cxn>
                <a:cxn ang="0">
                  <a:pos x="connsiteX248" y="connsiteY248"/>
                </a:cxn>
                <a:cxn ang="0">
                  <a:pos x="connsiteX249" y="connsiteY249"/>
                </a:cxn>
                <a:cxn ang="0">
                  <a:pos x="connsiteX250" y="connsiteY250"/>
                </a:cxn>
                <a:cxn ang="0">
                  <a:pos x="connsiteX251" y="connsiteY251"/>
                </a:cxn>
                <a:cxn ang="0">
                  <a:pos x="connsiteX252" y="connsiteY252"/>
                </a:cxn>
                <a:cxn ang="0">
                  <a:pos x="connsiteX253" y="connsiteY253"/>
                </a:cxn>
                <a:cxn ang="0">
                  <a:pos x="connsiteX254" y="connsiteY254"/>
                </a:cxn>
                <a:cxn ang="0">
                  <a:pos x="connsiteX255" y="connsiteY255"/>
                </a:cxn>
                <a:cxn ang="0">
                  <a:pos x="connsiteX256" y="connsiteY256"/>
                </a:cxn>
                <a:cxn ang="0">
                  <a:pos x="connsiteX257" y="connsiteY257"/>
                </a:cxn>
                <a:cxn ang="0">
                  <a:pos x="connsiteX258" y="connsiteY258"/>
                </a:cxn>
                <a:cxn ang="0">
                  <a:pos x="connsiteX259" y="connsiteY259"/>
                </a:cxn>
                <a:cxn ang="0">
                  <a:pos x="connsiteX260" y="connsiteY260"/>
                </a:cxn>
                <a:cxn ang="0">
                  <a:pos x="connsiteX261" y="connsiteY261"/>
                </a:cxn>
                <a:cxn ang="0">
                  <a:pos x="connsiteX262" y="connsiteY262"/>
                </a:cxn>
                <a:cxn ang="0">
                  <a:pos x="connsiteX263" y="connsiteY263"/>
                </a:cxn>
                <a:cxn ang="0">
                  <a:pos x="connsiteX264" y="connsiteY264"/>
                </a:cxn>
                <a:cxn ang="0">
                  <a:pos x="connsiteX265" y="connsiteY265"/>
                </a:cxn>
                <a:cxn ang="0">
                  <a:pos x="connsiteX266" y="connsiteY266"/>
                </a:cxn>
                <a:cxn ang="0">
                  <a:pos x="connsiteX267" y="connsiteY267"/>
                </a:cxn>
                <a:cxn ang="0">
                  <a:pos x="connsiteX268" y="connsiteY268"/>
                </a:cxn>
                <a:cxn ang="0">
                  <a:pos x="connsiteX269" y="connsiteY269"/>
                </a:cxn>
                <a:cxn ang="0">
                  <a:pos x="connsiteX270" y="connsiteY270"/>
                </a:cxn>
                <a:cxn ang="0">
                  <a:pos x="connsiteX271" y="connsiteY271"/>
                </a:cxn>
                <a:cxn ang="0">
                  <a:pos x="connsiteX272" y="connsiteY272"/>
                </a:cxn>
                <a:cxn ang="0">
                  <a:pos x="connsiteX273" y="connsiteY273"/>
                </a:cxn>
                <a:cxn ang="0">
                  <a:pos x="connsiteX274" y="connsiteY274"/>
                </a:cxn>
                <a:cxn ang="0">
                  <a:pos x="connsiteX275" y="connsiteY275"/>
                </a:cxn>
                <a:cxn ang="0">
                  <a:pos x="connsiteX276" y="connsiteY276"/>
                </a:cxn>
                <a:cxn ang="0">
                  <a:pos x="connsiteX277" y="connsiteY277"/>
                </a:cxn>
                <a:cxn ang="0">
                  <a:pos x="connsiteX278" y="connsiteY278"/>
                </a:cxn>
                <a:cxn ang="0">
                  <a:pos x="connsiteX279" y="connsiteY279"/>
                </a:cxn>
                <a:cxn ang="0">
                  <a:pos x="connsiteX280" y="connsiteY280"/>
                </a:cxn>
                <a:cxn ang="0">
                  <a:pos x="connsiteX281" y="connsiteY281"/>
                </a:cxn>
                <a:cxn ang="0">
                  <a:pos x="connsiteX282" y="connsiteY282"/>
                </a:cxn>
                <a:cxn ang="0">
                  <a:pos x="connsiteX283" y="connsiteY283"/>
                </a:cxn>
                <a:cxn ang="0">
                  <a:pos x="connsiteX284" y="connsiteY284"/>
                </a:cxn>
                <a:cxn ang="0">
                  <a:pos x="connsiteX285" y="connsiteY285"/>
                </a:cxn>
                <a:cxn ang="0">
                  <a:pos x="connsiteX286" y="connsiteY286"/>
                </a:cxn>
                <a:cxn ang="0">
                  <a:pos x="connsiteX287" y="connsiteY287"/>
                </a:cxn>
                <a:cxn ang="0">
                  <a:pos x="connsiteX288" y="connsiteY288"/>
                </a:cxn>
                <a:cxn ang="0">
                  <a:pos x="connsiteX289" y="connsiteY289"/>
                </a:cxn>
                <a:cxn ang="0">
                  <a:pos x="connsiteX290" y="connsiteY290"/>
                </a:cxn>
                <a:cxn ang="0">
                  <a:pos x="connsiteX291" y="connsiteY291"/>
                </a:cxn>
                <a:cxn ang="0">
                  <a:pos x="connsiteX292" y="connsiteY292"/>
                </a:cxn>
                <a:cxn ang="0">
                  <a:pos x="connsiteX293" y="connsiteY293"/>
                </a:cxn>
                <a:cxn ang="0">
                  <a:pos x="connsiteX294" y="connsiteY294"/>
                </a:cxn>
                <a:cxn ang="0">
                  <a:pos x="connsiteX295" y="connsiteY295"/>
                </a:cxn>
                <a:cxn ang="0">
                  <a:pos x="connsiteX296" y="connsiteY296"/>
                </a:cxn>
                <a:cxn ang="0">
                  <a:pos x="connsiteX297" y="connsiteY297"/>
                </a:cxn>
                <a:cxn ang="0">
                  <a:pos x="connsiteX298" y="connsiteY298"/>
                </a:cxn>
                <a:cxn ang="0">
                  <a:pos x="connsiteX299" y="connsiteY299"/>
                </a:cxn>
                <a:cxn ang="0">
                  <a:pos x="connsiteX300" y="connsiteY300"/>
                </a:cxn>
                <a:cxn ang="0">
                  <a:pos x="connsiteX301" y="connsiteY301"/>
                </a:cxn>
                <a:cxn ang="0">
                  <a:pos x="connsiteX302" y="connsiteY302"/>
                </a:cxn>
                <a:cxn ang="0">
                  <a:pos x="connsiteX303" y="connsiteY303"/>
                </a:cxn>
                <a:cxn ang="0">
                  <a:pos x="connsiteX304" y="connsiteY304"/>
                </a:cxn>
                <a:cxn ang="0">
                  <a:pos x="connsiteX305" y="connsiteY305"/>
                </a:cxn>
                <a:cxn ang="0">
                  <a:pos x="connsiteX306" y="connsiteY306"/>
                </a:cxn>
                <a:cxn ang="0">
                  <a:pos x="connsiteX307" y="connsiteY307"/>
                </a:cxn>
                <a:cxn ang="0">
                  <a:pos x="connsiteX308" y="connsiteY308"/>
                </a:cxn>
                <a:cxn ang="0">
                  <a:pos x="connsiteX309" y="connsiteY309"/>
                </a:cxn>
                <a:cxn ang="0">
                  <a:pos x="connsiteX310" y="connsiteY310"/>
                </a:cxn>
                <a:cxn ang="0">
                  <a:pos x="connsiteX311" y="connsiteY311"/>
                </a:cxn>
                <a:cxn ang="0">
                  <a:pos x="connsiteX312" y="connsiteY312"/>
                </a:cxn>
                <a:cxn ang="0">
                  <a:pos x="connsiteX313" y="connsiteY313"/>
                </a:cxn>
                <a:cxn ang="0">
                  <a:pos x="connsiteX314" y="connsiteY314"/>
                </a:cxn>
                <a:cxn ang="0">
                  <a:pos x="connsiteX315" y="connsiteY315"/>
                </a:cxn>
                <a:cxn ang="0">
                  <a:pos x="connsiteX316" y="connsiteY316"/>
                </a:cxn>
                <a:cxn ang="0">
                  <a:pos x="connsiteX317" y="connsiteY317"/>
                </a:cxn>
                <a:cxn ang="0">
                  <a:pos x="connsiteX318" y="connsiteY318"/>
                </a:cxn>
                <a:cxn ang="0">
                  <a:pos x="connsiteX319" y="connsiteY319"/>
                </a:cxn>
                <a:cxn ang="0">
                  <a:pos x="connsiteX320" y="connsiteY320"/>
                </a:cxn>
                <a:cxn ang="0">
                  <a:pos x="connsiteX321" y="connsiteY321"/>
                </a:cxn>
                <a:cxn ang="0">
                  <a:pos x="connsiteX322" y="connsiteY322"/>
                </a:cxn>
                <a:cxn ang="0">
                  <a:pos x="connsiteX323" y="connsiteY323"/>
                </a:cxn>
                <a:cxn ang="0">
                  <a:pos x="connsiteX324" y="connsiteY324"/>
                </a:cxn>
                <a:cxn ang="0">
                  <a:pos x="connsiteX325" y="connsiteY325"/>
                </a:cxn>
                <a:cxn ang="0">
                  <a:pos x="connsiteX326" y="connsiteY326"/>
                </a:cxn>
                <a:cxn ang="0">
                  <a:pos x="connsiteX327" y="connsiteY327"/>
                </a:cxn>
                <a:cxn ang="0">
                  <a:pos x="connsiteX328" y="connsiteY328"/>
                </a:cxn>
                <a:cxn ang="0">
                  <a:pos x="connsiteX329" y="connsiteY329"/>
                </a:cxn>
                <a:cxn ang="0">
                  <a:pos x="connsiteX330" y="connsiteY330"/>
                </a:cxn>
                <a:cxn ang="0">
                  <a:pos x="connsiteX331" y="connsiteY331"/>
                </a:cxn>
                <a:cxn ang="0">
                  <a:pos x="connsiteX332" y="connsiteY332"/>
                </a:cxn>
                <a:cxn ang="0">
                  <a:pos x="connsiteX333" y="connsiteY333"/>
                </a:cxn>
                <a:cxn ang="0">
                  <a:pos x="connsiteX334" y="connsiteY334"/>
                </a:cxn>
                <a:cxn ang="0">
                  <a:pos x="connsiteX335" y="connsiteY335"/>
                </a:cxn>
                <a:cxn ang="0">
                  <a:pos x="connsiteX336" y="connsiteY336"/>
                </a:cxn>
                <a:cxn ang="0">
                  <a:pos x="connsiteX337" y="connsiteY337"/>
                </a:cxn>
                <a:cxn ang="0">
                  <a:pos x="connsiteX338" y="connsiteY338"/>
                </a:cxn>
                <a:cxn ang="0">
                  <a:pos x="connsiteX339" y="connsiteY339"/>
                </a:cxn>
                <a:cxn ang="0">
                  <a:pos x="connsiteX340" y="connsiteY340"/>
                </a:cxn>
                <a:cxn ang="0">
                  <a:pos x="connsiteX341" y="connsiteY341"/>
                </a:cxn>
                <a:cxn ang="0">
                  <a:pos x="connsiteX342" y="connsiteY342"/>
                </a:cxn>
                <a:cxn ang="0">
                  <a:pos x="connsiteX343" y="connsiteY343"/>
                </a:cxn>
                <a:cxn ang="0">
                  <a:pos x="connsiteX344" y="connsiteY344"/>
                </a:cxn>
                <a:cxn ang="0">
                  <a:pos x="connsiteX345" y="connsiteY345"/>
                </a:cxn>
                <a:cxn ang="0">
                  <a:pos x="connsiteX346" y="connsiteY346"/>
                </a:cxn>
                <a:cxn ang="0">
                  <a:pos x="connsiteX347" y="connsiteY347"/>
                </a:cxn>
                <a:cxn ang="0">
                  <a:pos x="connsiteX348" y="connsiteY348"/>
                </a:cxn>
                <a:cxn ang="0">
                  <a:pos x="connsiteX349" y="connsiteY349"/>
                </a:cxn>
                <a:cxn ang="0">
                  <a:pos x="connsiteX350" y="connsiteY350"/>
                </a:cxn>
                <a:cxn ang="0">
                  <a:pos x="connsiteX351" y="connsiteY351"/>
                </a:cxn>
                <a:cxn ang="0">
                  <a:pos x="connsiteX352" y="connsiteY352"/>
                </a:cxn>
                <a:cxn ang="0">
                  <a:pos x="connsiteX353" y="connsiteY353"/>
                </a:cxn>
                <a:cxn ang="0">
                  <a:pos x="connsiteX354" y="connsiteY354"/>
                </a:cxn>
                <a:cxn ang="0">
                  <a:pos x="connsiteX355" y="connsiteY355"/>
                </a:cxn>
                <a:cxn ang="0">
                  <a:pos x="connsiteX356" y="connsiteY356"/>
                </a:cxn>
                <a:cxn ang="0">
                  <a:pos x="connsiteX357" y="connsiteY357"/>
                </a:cxn>
                <a:cxn ang="0">
                  <a:pos x="connsiteX358" y="connsiteY358"/>
                </a:cxn>
                <a:cxn ang="0">
                  <a:pos x="connsiteX359" y="connsiteY359"/>
                </a:cxn>
                <a:cxn ang="0">
                  <a:pos x="connsiteX360" y="connsiteY360"/>
                </a:cxn>
                <a:cxn ang="0">
                  <a:pos x="connsiteX361" y="connsiteY361"/>
                </a:cxn>
                <a:cxn ang="0">
                  <a:pos x="connsiteX362" y="connsiteY362"/>
                </a:cxn>
                <a:cxn ang="0">
                  <a:pos x="connsiteX363" y="connsiteY363"/>
                </a:cxn>
                <a:cxn ang="0">
                  <a:pos x="connsiteX364" y="connsiteY364"/>
                </a:cxn>
                <a:cxn ang="0">
                  <a:pos x="connsiteX365" y="connsiteY365"/>
                </a:cxn>
                <a:cxn ang="0">
                  <a:pos x="connsiteX366" y="connsiteY366"/>
                </a:cxn>
                <a:cxn ang="0">
                  <a:pos x="connsiteX367" y="connsiteY367"/>
                </a:cxn>
                <a:cxn ang="0">
                  <a:pos x="connsiteX368" y="connsiteY368"/>
                </a:cxn>
                <a:cxn ang="0">
                  <a:pos x="connsiteX369" y="connsiteY369"/>
                </a:cxn>
                <a:cxn ang="0">
                  <a:pos x="connsiteX370" y="connsiteY370"/>
                </a:cxn>
                <a:cxn ang="0">
                  <a:pos x="connsiteX371" y="connsiteY371"/>
                </a:cxn>
                <a:cxn ang="0">
                  <a:pos x="connsiteX372" y="connsiteY372"/>
                </a:cxn>
                <a:cxn ang="0">
                  <a:pos x="connsiteX373" y="connsiteY373"/>
                </a:cxn>
                <a:cxn ang="0">
                  <a:pos x="connsiteX374" y="connsiteY374"/>
                </a:cxn>
                <a:cxn ang="0">
                  <a:pos x="connsiteX375" y="connsiteY375"/>
                </a:cxn>
                <a:cxn ang="0">
                  <a:pos x="connsiteX376" y="connsiteY376"/>
                </a:cxn>
                <a:cxn ang="0">
                  <a:pos x="connsiteX377" y="connsiteY377"/>
                </a:cxn>
                <a:cxn ang="0">
                  <a:pos x="connsiteX378" y="connsiteY378"/>
                </a:cxn>
                <a:cxn ang="0">
                  <a:pos x="connsiteX379" y="connsiteY379"/>
                </a:cxn>
                <a:cxn ang="0">
                  <a:pos x="connsiteX380" y="connsiteY380"/>
                </a:cxn>
                <a:cxn ang="0">
                  <a:pos x="connsiteX381" y="connsiteY381"/>
                </a:cxn>
                <a:cxn ang="0">
                  <a:pos x="connsiteX382" y="connsiteY382"/>
                </a:cxn>
                <a:cxn ang="0">
                  <a:pos x="connsiteX383" y="connsiteY383"/>
                </a:cxn>
                <a:cxn ang="0">
                  <a:pos x="connsiteX384" y="connsiteY384"/>
                </a:cxn>
                <a:cxn ang="0">
                  <a:pos x="connsiteX385" y="connsiteY385"/>
                </a:cxn>
                <a:cxn ang="0">
                  <a:pos x="connsiteX386" y="connsiteY386"/>
                </a:cxn>
                <a:cxn ang="0">
                  <a:pos x="connsiteX387" y="connsiteY387"/>
                </a:cxn>
                <a:cxn ang="0">
                  <a:pos x="connsiteX388" y="connsiteY388"/>
                </a:cxn>
                <a:cxn ang="0">
                  <a:pos x="connsiteX389" y="connsiteY389"/>
                </a:cxn>
                <a:cxn ang="0">
                  <a:pos x="connsiteX390" y="connsiteY390"/>
                </a:cxn>
                <a:cxn ang="0">
                  <a:pos x="connsiteX391" y="connsiteY391"/>
                </a:cxn>
                <a:cxn ang="0">
                  <a:pos x="connsiteX392" y="connsiteY392"/>
                </a:cxn>
                <a:cxn ang="0">
                  <a:pos x="connsiteX393" y="connsiteY393"/>
                </a:cxn>
                <a:cxn ang="0">
                  <a:pos x="connsiteX394" y="connsiteY394"/>
                </a:cxn>
                <a:cxn ang="0">
                  <a:pos x="connsiteX395" y="connsiteY395"/>
                </a:cxn>
                <a:cxn ang="0">
                  <a:pos x="connsiteX396" y="connsiteY396"/>
                </a:cxn>
                <a:cxn ang="0">
                  <a:pos x="connsiteX397" y="connsiteY397"/>
                </a:cxn>
                <a:cxn ang="0">
                  <a:pos x="connsiteX398" y="connsiteY398"/>
                </a:cxn>
                <a:cxn ang="0">
                  <a:pos x="connsiteX399" y="connsiteY399"/>
                </a:cxn>
                <a:cxn ang="0">
                  <a:pos x="connsiteX400" y="connsiteY400"/>
                </a:cxn>
                <a:cxn ang="0">
                  <a:pos x="connsiteX401" y="connsiteY401"/>
                </a:cxn>
                <a:cxn ang="0">
                  <a:pos x="connsiteX402" y="connsiteY402"/>
                </a:cxn>
                <a:cxn ang="0">
                  <a:pos x="connsiteX403" y="connsiteY403"/>
                </a:cxn>
                <a:cxn ang="0">
                  <a:pos x="connsiteX404" y="connsiteY404"/>
                </a:cxn>
                <a:cxn ang="0">
                  <a:pos x="connsiteX405" y="connsiteY405"/>
                </a:cxn>
                <a:cxn ang="0">
                  <a:pos x="connsiteX406" y="connsiteY406"/>
                </a:cxn>
                <a:cxn ang="0">
                  <a:pos x="connsiteX407" y="connsiteY407"/>
                </a:cxn>
                <a:cxn ang="0">
                  <a:pos x="connsiteX408" y="connsiteY408"/>
                </a:cxn>
                <a:cxn ang="0">
                  <a:pos x="connsiteX409" y="connsiteY409"/>
                </a:cxn>
                <a:cxn ang="0">
                  <a:pos x="connsiteX410" y="connsiteY410"/>
                </a:cxn>
                <a:cxn ang="0">
                  <a:pos x="connsiteX411" y="connsiteY411"/>
                </a:cxn>
                <a:cxn ang="0">
                  <a:pos x="connsiteX412" y="connsiteY412"/>
                </a:cxn>
                <a:cxn ang="0">
                  <a:pos x="connsiteX413" y="connsiteY413"/>
                </a:cxn>
                <a:cxn ang="0">
                  <a:pos x="connsiteX414" y="connsiteY414"/>
                </a:cxn>
                <a:cxn ang="0">
                  <a:pos x="connsiteX415" y="connsiteY415"/>
                </a:cxn>
                <a:cxn ang="0">
                  <a:pos x="connsiteX416" y="connsiteY416"/>
                </a:cxn>
                <a:cxn ang="0">
                  <a:pos x="connsiteX417" y="connsiteY417"/>
                </a:cxn>
                <a:cxn ang="0">
                  <a:pos x="connsiteX418" y="connsiteY418"/>
                </a:cxn>
                <a:cxn ang="0">
                  <a:pos x="connsiteX419" y="connsiteY419"/>
                </a:cxn>
                <a:cxn ang="0">
                  <a:pos x="connsiteX420" y="connsiteY420"/>
                </a:cxn>
                <a:cxn ang="0">
                  <a:pos x="connsiteX421" y="connsiteY421"/>
                </a:cxn>
                <a:cxn ang="0">
                  <a:pos x="connsiteX422" y="connsiteY422"/>
                </a:cxn>
                <a:cxn ang="0">
                  <a:pos x="connsiteX423" y="connsiteY423"/>
                </a:cxn>
                <a:cxn ang="0">
                  <a:pos x="connsiteX424" y="connsiteY424"/>
                </a:cxn>
                <a:cxn ang="0">
                  <a:pos x="connsiteX425" y="connsiteY425"/>
                </a:cxn>
                <a:cxn ang="0">
                  <a:pos x="connsiteX426" y="connsiteY426"/>
                </a:cxn>
                <a:cxn ang="0">
                  <a:pos x="connsiteX427" y="connsiteY427"/>
                </a:cxn>
                <a:cxn ang="0">
                  <a:pos x="connsiteX428" y="connsiteY428"/>
                </a:cxn>
                <a:cxn ang="0">
                  <a:pos x="connsiteX429" y="connsiteY429"/>
                </a:cxn>
              </a:cxnLst>
              <a:rect l="l" t="t" r="r" b="b"/>
              <a:pathLst>
                <a:path w="1010030" h="107343">
                  <a:moveTo>
                    <a:pt x="991859" y="60113"/>
                  </a:moveTo>
                  <a:cubicBezTo>
                    <a:pt x="991144" y="61544"/>
                    <a:pt x="990428" y="62975"/>
                    <a:pt x="989712" y="64406"/>
                  </a:cubicBezTo>
                  <a:cubicBezTo>
                    <a:pt x="988997" y="65838"/>
                    <a:pt x="987565" y="66553"/>
                    <a:pt x="985419" y="67269"/>
                  </a:cubicBezTo>
                  <a:cubicBezTo>
                    <a:pt x="983987" y="67985"/>
                    <a:pt x="981840" y="68700"/>
                    <a:pt x="979693" y="68700"/>
                  </a:cubicBezTo>
                  <a:cubicBezTo>
                    <a:pt x="977547" y="68700"/>
                    <a:pt x="976115" y="67985"/>
                    <a:pt x="973969" y="67269"/>
                  </a:cubicBezTo>
                  <a:cubicBezTo>
                    <a:pt x="972537" y="66553"/>
                    <a:pt x="971106" y="65122"/>
                    <a:pt x="969675" y="64406"/>
                  </a:cubicBezTo>
                  <a:cubicBezTo>
                    <a:pt x="968244" y="62975"/>
                    <a:pt x="967528" y="61544"/>
                    <a:pt x="966812" y="60113"/>
                  </a:cubicBezTo>
                  <a:cubicBezTo>
                    <a:pt x="966097" y="58681"/>
                    <a:pt x="966097" y="56534"/>
                    <a:pt x="966097" y="55103"/>
                  </a:cubicBezTo>
                  <a:cubicBezTo>
                    <a:pt x="966097" y="53672"/>
                    <a:pt x="966097" y="51525"/>
                    <a:pt x="966812" y="50094"/>
                  </a:cubicBezTo>
                  <a:cubicBezTo>
                    <a:pt x="967528" y="48663"/>
                    <a:pt x="968244" y="47231"/>
                    <a:pt x="969675" y="45800"/>
                  </a:cubicBezTo>
                  <a:cubicBezTo>
                    <a:pt x="971106" y="44369"/>
                    <a:pt x="971822" y="43653"/>
                    <a:pt x="973969" y="42938"/>
                  </a:cubicBezTo>
                  <a:cubicBezTo>
                    <a:pt x="975400" y="42222"/>
                    <a:pt x="977547" y="41506"/>
                    <a:pt x="979693" y="41506"/>
                  </a:cubicBezTo>
                  <a:cubicBezTo>
                    <a:pt x="981840" y="41506"/>
                    <a:pt x="983272" y="42222"/>
                    <a:pt x="985419" y="42938"/>
                  </a:cubicBezTo>
                  <a:cubicBezTo>
                    <a:pt x="986850" y="43653"/>
                    <a:pt x="988281" y="45084"/>
                    <a:pt x="989712" y="45800"/>
                  </a:cubicBezTo>
                  <a:cubicBezTo>
                    <a:pt x="990428" y="47231"/>
                    <a:pt x="991859" y="48663"/>
                    <a:pt x="991859" y="50094"/>
                  </a:cubicBezTo>
                  <a:cubicBezTo>
                    <a:pt x="992575" y="51525"/>
                    <a:pt x="992575" y="53672"/>
                    <a:pt x="992575" y="55103"/>
                  </a:cubicBezTo>
                  <a:cubicBezTo>
                    <a:pt x="993290" y="56534"/>
                    <a:pt x="992575" y="57966"/>
                    <a:pt x="991859" y="60113"/>
                  </a:cubicBezTo>
                  <a:moveTo>
                    <a:pt x="1008319" y="44369"/>
                  </a:moveTo>
                  <a:cubicBezTo>
                    <a:pt x="1006887" y="40791"/>
                    <a:pt x="1005456" y="37928"/>
                    <a:pt x="1003309" y="35066"/>
                  </a:cubicBezTo>
                  <a:cubicBezTo>
                    <a:pt x="1001162" y="32203"/>
                    <a:pt x="998300" y="30772"/>
                    <a:pt x="995437" y="28625"/>
                  </a:cubicBezTo>
                  <a:cubicBezTo>
                    <a:pt x="992575" y="27194"/>
                    <a:pt x="988997" y="26478"/>
                    <a:pt x="984703" y="26478"/>
                  </a:cubicBezTo>
                  <a:cubicBezTo>
                    <a:pt x="980409" y="26478"/>
                    <a:pt x="977547" y="27194"/>
                    <a:pt x="974684" y="28625"/>
                  </a:cubicBezTo>
                  <a:cubicBezTo>
                    <a:pt x="971822" y="30056"/>
                    <a:pt x="969675" y="32203"/>
                    <a:pt x="967528" y="34350"/>
                  </a:cubicBezTo>
                  <a:lnTo>
                    <a:pt x="967528" y="34350"/>
                  </a:lnTo>
                  <a:lnTo>
                    <a:pt x="967528" y="27909"/>
                  </a:lnTo>
                  <a:lnTo>
                    <a:pt x="950353" y="27909"/>
                  </a:lnTo>
                  <a:lnTo>
                    <a:pt x="950353" y="107344"/>
                  </a:lnTo>
                  <a:lnTo>
                    <a:pt x="968244" y="107344"/>
                  </a:lnTo>
                  <a:lnTo>
                    <a:pt x="968244" y="75856"/>
                  </a:lnTo>
                  <a:lnTo>
                    <a:pt x="968244" y="75856"/>
                  </a:lnTo>
                  <a:cubicBezTo>
                    <a:pt x="969675" y="78003"/>
                    <a:pt x="972537" y="80150"/>
                    <a:pt x="975400" y="81581"/>
                  </a:cubicBezTo>
                  <a:cubicBezTo>
                    <a:pt x="978262" y="83013"/>
                    <a:pt x="981125" y="83728"/>
                    <a:pt x="984703" y="83728"/>
                  </a:cubicBezTo>
                  <a:cubicBezTo>
                    <a:pt x="988997" y="83728"/>
                    <a:pt x="992575" y="83013"/>
                    <a:pt x="995437" y="81581"/>
                  </a:cubicBezTo>
                  <a:cubicBezTo>
                    <a:pt x="998300" y="80150"/>
                    <a:pt x="1001162" y="78003"/>
                    <a:pt x="1003309" y="75141"/>
                  </a:cubicBezTo>
                  <a:cubicBezTo>
                    <a:pt x="1005456" y="72278"/>
                    <a:pt x="1006887" y="69416"/>
                    <a:pt x="1008319" y="65838"/>
                  </a:cubicBezTo>
                  <a:cubicBezTo>
                    <a:pt x="1009750" y="62260"/>
                    <a:pt x="1009750" y="58681"/>
                    <a:pt x="1009750" y="55103"/>
                  </a:cubicBezTo>
                  <a:cubicBezTo>
                    <a:pt x="1010465" y="50809"/>
                    <a:pt x="1009750" y="47231"/>
                    <a:pt x="1008319" y="44369"/>
                  </a:cubicBezTo>
                  <a:moveTo>
                    <a:pt x="936756" y="81581"/>
                  </a:moveTo>
                  <a:lnTo>
                    <a:pt x="936756" y="27909"/>
                  </a:lnTo>
                  <a:lnTo>
                    <a:pt x="918865" y="27909"/>
                  </a:lnTo>
                  <a:lnTo>
                    <a:pt x="918865" y="57250"/>
                  </a:lnTo>
                  <a:cubicBezTo>
                    <a:pt x="918865" y="60113"/>
                    <a:pt x="918150" y="62975"/>
                    <a:pt x="916718" y="65122"/>
                  </a:cubicBezTo>
                  <a:cubicBezTo>
                    <a:pt x="915287" y="67269"/>
                    <a:pt x="912425" y="68700"/>
                    <a:pt x="909562" y="68700"/>
                  </a:cubicBezTo>
                  <a:cubicBezTo>
                    <a:pt x="908131" y="68700"/>
                    <a:pt x="906700" y="68700"/>
                    <a:pt x="905268" y="67985"/>
                  </a:cubicBezTo>
                  <a:cubicBezTo>
                    <a:pt x="904553" y="67269"/>
                    <a:pt x="903121" y="66553"/>
                    <a:pt x="903121" y="65122"/>
                  </a:cubicBezTo>
                  <a:cubicBezTo>
                    <a:pt x="902406" y="63691"/>
                    <a:pt x="902406" y="62975"/>
                    <a:pt x="901690" y="61544"/>
                  </a:cubicBezTo>
                  <a:cubicBezTo>
                    <a:pt x="901690" y="60113"/>
                    <a:pt x="901690" y="58681"/>
                    <a:pt x="901690" y="57250"/>
                  </a:cubicBezTo>
                  <a:lnTo>
                    <a:pt x="901690" y="27909"/>
                  </a:lnTo>
                  <a:lnTo>
                    <a:pt x="883800" y="27909"/>
                  </a:lnTo>
                  <a:lnTo>
                    <a:pt x="883800" y="60828"/>
                  </a:lnTo>
                  <a:cubicBezTo>
                    <a:pt x="883800" y="63691"/>
                    <a:pt x="883800" y="66553"/>
                    <a:pt x="884515" y="68700"/>
                  </a:cubicBezTo>
                  <a:cubicBezTo>
                    <a:pt x="885231" y="71563"/>
                    <a:pt x="886662" y="73710"/>
                    <a:pt x="888093" y="75856"/>
                  </a:cubicBezTo>
                  <a:cubicBezTo>
                    <a:pt x="889525" y="78003"/>
                    <a:pt x="891671" y="79435"/>
                    <a:pt x="893818" y="80866"/>
                  </a:cubicBezTo>
                  <a:cubicBezTo>
                    <a:pt x="895965" y="82297"/>
                    <a:pt x="899543" y="83013"/>
                    <a:pt x="903121" y="83013"/>
                  </a:cubicBezTo>
                  <a:cubicBezTo>
                    <a:pt x="905268" y="83013"/>
                    <a:pt x="906700" y="83013"/>
                    <a:pt x="908131" y="82297"/>
                  </a:cubicBezTo>
                  <a:cubicBezTo>
                    <a:pt x="909562" y="81581"/>
                    <a:pt x="911709" y="80866"/>
                    <a:pt x="912425" y="80150"/>
                  </a:cubicBezTo>
                  <a:cubicBezTo>
                    <a:pt x="913856" y="79435"/>
                    <a:pt x="915287" y="78719"/>
                    <a:pt x="916003" y="77288"/>
                  </a:cubicBezTo>
                  <a:cubicBezTo>
                    <a:pt x="916718" y="75856"/>
                    <a:pt x="918150" y="75141"/>
                    <a:pt x="918865" y="73710"/>
                  </a:cubicBezTo>
                  <a:lnTo>
                    <a:pt x="918865" y="73710"/>
                  </a:lnTo>
                  <a:lnTo>
                    <a:pt x="918865" y="80866"/>
                  </a:lnTo>
                  <a:lnTo>
                    <a:pt x="936756" y="81581"/>
                  </a:lnTo>
                  <a:lnTo>
                    <a:pt x="936756" y="81581"/>
                  </a:lnTo>
                  <a:close/>
                  <a:moveTo>
                    <a:pt x="855174" y="60113"/>
                  </a:moveTo>
                  <a:cubicBezTo>
                    <a:pt x="854459" y="61544"/>
                    <a:pt x="853743" y="62975"/>
                    <a:pt x="853028" y="64406"/>
                  </a:cubicBezTo>
                  <a:cubicBezTo>
                    <a:pt x="851596" y="65838"/>
                    <a:pt x="850881" y="66553"/>
                    <a:pt x="848734" y="67269"/>
                  </a:cubicBezTo>
                  <a:cubicBezTo>
                    <a:pt x="847302" y="67985"/>
                    <a:pt x="845156" y="68700"/>
                    <a:pt x="843009" y="68700"/>
                  </a:cubicBezTo>
                  <a:cubicBezTo>
                    <a:pt x="840862" y="68700"/>
                    <a:pt x="839431" y="67985"/>
                    <a:pt x="837284" y="67269"/>
                  </a:cubicBezTo>
                  <a:cubicBezTo>
                    <a:pt x="835853" y="66553"/>
                    <a:pt x="834421" y="65122"/>
                    <a:pt x="832990" y="64406"/>
                  </a:cubicBezTo>
                  <a:cubicBezTo>
                    <a:pt x="831559" y="62975"/>
                    <a:pt x="830843" y="61544"/>
                    <a:pt x="830843" y="60113"/>
                  </a:cubicBezTo>
                  <a:cubicBezTo>
                    <a:pt x="830127" y="58681"/>
                    <a:pt x="830127" y="56534"/>
                    <a:pt x="830127" y="55103"/>
                  </a:cubicBezTo>
                  <a:cubicBezTo>
                    <a:pt x="830127" y="53672"/>
                    <a:pt x="830127" y="51525"/>
                    <a:pt x="830843" y="50094"/>
                  </a:cubicBezTo>
                  <a:cubicBezTo>
                    <a:pt x="831559" y="48663"/>
                    <a:pt x="832274" y="47231"/>
                    <a:pt x="832990" y="45800"/>
                  </a:cubicBezTo>
                  <a:cubicBezTo>
                    <a:pt x="833706" y="44369"/>
                    <a:pt x="835137" y="43653"/>
                    <a:pt x="837284" y="42938"/>
                  </a:cubicBezTo>
                  <a:cubicBezTo>
                    <a:pt x="838715" y="42222"/>
                    <a:pt x="840862" y="41506"/>
                    <a:pt x="843009" y="41506"/>
                  </a:cubicBezTo>
                  <a:cubicBezTo>
                    <a:pt x="845156" y="41506"/>
                    <a:pt x="846587" y="42222"/>
                    <a:pt x="848734" y="42938"/>
                  </a:cubicBezTo>
                  <a:cubicBezTo>
                    <a:pt x="850165" y="43653"/>
                    <a:pt x="851596" y="45084"/>
                    <a:pt x="853028" y="45800"/>
                  </a:cubicBezTo>
                  <a:cubicBezTo>
                    <a:pt x="854459" y="47231"/>
                    <a:pt x="855174" y="48663"/>
                    <a:pt x="855174" y="50094"/>
                  </a:cubicBezTo>
                  <a:cubicBezTo>
                    <a:pt x="855890" y="51525"/>
                    <a:pt x="855890" y="53672"/>
                    <a:pt x="855890" y="55103"/>
                  </a:cubicBezTo>
                  <a:cubicBezTo>
                    <a:pt x="855890" y="56534"/>
                    <a:pt x="855890" y="57966"/>
                    <a:pt x="855174" y="60113"/>
                  </a:cubicBezTo>
                  <a:moveTo>
                    <a:pt x="870203" y="42938"/>
                  </a:moveTo>
                  <a:cubicBezTo>
                    <a:pt x="868771" y="39359"/>
                    <a:pt x="866624" y="36497"/>
                    <a:pt x="863762" y="33634"/>
                  </a:cubicBezTo>
                  <a:cubicBezTo>
                    <a:pt x="860899" y="31488"/>
                    <a:pt x="858037" y="29341"/>
                    <a:pt x="854459" y="27909"/>
                  </a:cubicBezTo>
                  <a:cubicBezTo>
                    <a:pt x="850881" y="26478"/>
                    <a:pt x="847302" y="25763"/>
                    <a:pt x="843009" y="25763"/>
                  </a:cubicBezTo>
                  <a:cubicBezTo>
                    <a:pt x="838715" y="25763"/>
                    <a:pt x="835137" y="26478"/>
                    <a:pt x="831559" y="27909"/>
                  </a:cubicBezTo>
                  <a:cubicBezTo>
                    <a:pt x="827981" y="29341"/>
                    <a:pt x="825118" y="30772"/>
                    <a:pt x="822256" y="33634"/>
                  </a:cubicBezTo>
                  <a:cubicBezTo>
                    <a:pt x="819393" y="35781"/>
                    <a:pt x="817246" y="39359"/>
                    <a:pt x="815815" y="42938"/>
                  </a:cubicBezTo>
                  <a:cubicBezTo>
                    <a:pt x="814384" y="46516"/>
                    <a:pt x="813668" y="50094"/>
                    <a:pt x="813668" y="55103"/>
                  </a:cubicBezTo>
                  <a:cubicBezTo>
                    <a:pt x="813668" y="59397"/>
                    <a:pt x="814384" y="63691"/>
                    <a:pt x="815815" y="67269"/>
                  </a:cubicBezTo>
                  <a:cubicBezTo>
                    <a:pt x="817246" y="70847"/>
                    <a:pt x="819393" y="73710"/>
                    <a:pt x="822256" y="76572"/>
                  </a:cubicBezTo>
                  <a:cubicBezTo>
                    <a:pt x="825118" y="78719"/>
                    <a:pt x="827981" y="80866"/>
                    <a:pt x="831559" y="82297"/>
                  </a:cubicBezTo>
                  <a:cubicBezTo>
                    <a:pt x="835137" y="83728"/>
                    <a:pt x="838715" y="84444"/>
                    <a:pt x="843009" y="84444"/>
                  </a:cubicBezTo>
                  <a:cubicBezTo>
                    <a:pt x="847302" y="84444"/>
                    <a:pt x="850881" y="83728"/>
                    <a:pt x="854459" y="82297"/>
                  </a:cubicBezTo>
                  <a:cubicBezTo>
                    <a:pt x="858037" y="80866"/>
                    <a:pt x="860899" y="78719"/>
                    <a:pt x="863762" y="76572"/>
                  </a:cubicBezTo>
                  <a:cubicBezTo>
                    <a:pt x="866624" y="74425"/>
                    <a:pt x="868771" y="70847"/>
                    <a:pt x="870203" y="67269"/>
                  </a:cubicBezTo>
                  <a:cubicBezTo>
                    <a:pt x="871634" y="63691"/>
                    <a:pt x="872349" y="59397"/>
                    <a:pt x="872349" y="55103"/>
                  </a:cubicBezTo>
                  <a:cubicBezTo>
                    <a:pt x="873065" y="50094"/>
                    <a:pt x="872349" y="46516"/>
                    <a:pt x="870203" y="42938"/>
                  </a:cubicBezTo>
                  <a:moveTo>
                    <a:pt x="808659" y="27194"/>
                  </a:moveTo>
                  <a:cubicBezTo>
                    <a:pt x="807943" y="27194"/>
                    <a:pt x="807943" y="27194"/>
                    <a:pt x="807227" y="27194"/>
                  </a:cubicBezTo>
                  <a:cubicBezTo>
                    <a:pt x="806512" y="27194"/>
                    <a:pt x="805796" y="27194"/>
                    <a:pt x="805081" y="27194"/>
                  </a:cubicBezTo>
                  <a:cubicBezTo>
                    <a:pt x="801502" y="27194"/>
                    <a:pt x="798640" y="27909"/>
                    <a:pt x="796493" y="30056"/>
                  </a:cubicBezTo>
                  <a:cubicBezTo>
                    <a:pt x="793630" y="31488"/>
                    <a:pt x="792199" y="34350"/>
                    <a:pt x="790768" y="36497"/>
                  </a:cubicBezTo>
                  <a:lnTo>
                    <a:pt x="790768" y="36497"/>
                  </a:lnTo>
                  <a:lnTo>
                    <a:pt x="790768" y="27909"/>
                  </a:lnTo>
                  <a:lnTo>
                    <a:pt x="772877" y="27909"/>
                  </a:lnTo>
                  <a:lnTo>
                    <a:pt x="772877" y="81581"/>
                  </a:lnTo>
                  <a:lnTo>
                    <a:pt x="790768" y="81581"/>
                  </a:lnTo>
                  <a:lnTo>
                    <a:pt x="790768" y="54388"/>
                  </a:lnTo>
                  <a:cubicBezTo>
                    <a:pt x="790768" y="53672"/>
                    <a:pt x="790768" y="52241"/>
                    <a:pt x="791484" y="50809"/>
                  </a:cubicBezTo>
                  <a:cubicBezTo>
                    <a:pt x="792199" y="49378"/>
                    <a:pt x="792915" y="47947"/>
                    <a:pt x="793630" y="46516"/>
                  </a:cubicBezTo>
                  <a:cubicBezTo>
                    <a:pt x="794346" y="45084"/>
                    <a:pt x="795777" y="44369"/>
                    <a:pt x="797209" y="43653"/>
                  </a:cubicBezTo>
                  <a:cubicBezTo>
                    <a:pt x="798640" y="42938"/>
                    <a:pt x="800787" y="42222"/>
                    <a:pt x="802934" y="42222"/>
                  </a:cubicBezTo>
                  <a:cubicBezTo>
                    <a:pt x="803649" y="42222"/>
                    <a:pt x="804365" y="42222"/>
                    <a:pt x="805081" y="42222"/>
                  </a:cubicBezTo>
                  <a:cubicBezTo>
                    <a:pt x="805796" y="42222"/>
                    <a:pt x="806512" y="42222"/>
                    <a:pt x="807227" y="42938"/>
                  </a:cubicBezTo>
                  <a:lnTo>
                    <a:pt x="808659" y="27194"/>
                  </a:lnTo>
                  <a:close/>
                  <a:moveTo>
                    <a:pt x="759280" y="77288"/>
                  </a:moveTo>
                  <a:lnTo>
                    <a:pt x="759280" y="36497"/>
                  </a:lnTo>
                  <a:lnTo>
                    <a:pt x="727793" y="36497"/>
                  </a:lnTo>
                  <a:lnTo>
                    <a:pt x="727793" y="51525"/>
                  </a:lnTo>
                  <a:lnTo>
                    <a:pt x="742105" y="51525"/>
                  </a:lnTo>
                  <a:lnTo>
                    <a:pt x="742105" y="65122"/>
                  </a:lnTo>
                  <a:cubicBezTo>
                    <a:pt x="740674" y="65838"/>
                    <a:pt x="738527" y="66553"/>
                    <a:pt x="736380" y="66553"/>
                  </a:cubicBezTo>
                  <a:cubicBezTo>
                    <a:pt x="734233" y="66553"/>
                    <a:pt x="732087" y="67269"/>
                    <a:pt x="729940" y="67269"/>
                  </a:cubicBezTo>
                  <a:cubicBezTo>
                    <a:pt x="726362" y="67269"/>
                    <a:pt x="722783" y="66553"/>
                    <a:pt x="719921" y="65838"/>
                  </a:cubicBezTo>
                  <a:cubicBezTo>
                    <a:pt x="717058" y="64406"/>
                    <a:pt x="714911" y="62975"/>
                    <a:pt x="712765" y="60828"/>
                  </a:cubicBezTo>
                  <a:cubicBezTo>
                    <a:pt x="710618" y="58681"/>
                    <a:pt x="709187" y="56534"/>
                    <a:pt x="708471" y="52956"/>
                  </a:cubicBezTo>
                  <a:cubicBezTo>
                    <a:pt x="707755" y="50094"/>
                    <a:pt x="707040" y="46516"/>
                    <a:pt x="707040" y="42938"/>
                  </a:cubicBezTo>
                  <a:cubicBezTo>
                    <a:pt x="707040" y="39359"/>
                    <a:pt x="707755" y="36497"/>
                    <a:pt x="708471" y="33634"/>
                  </a:cubicBezTo>
                  <a:cubicBezTo>
                    <a:pt x="709902" y="30772"/>
                    <a:pt x="711333" y="27909"/>
                    <a:pt x="713480" y="25763"/>
                  </a:cubicBezTo>
                  <a:cubicBezTo>
                    <a:pt x="715627" y="23616"/>
                    <a:pt x="717774" y="22184"/>
                    <a:pt x="720637" y="20753"/>
                  </a:cubicBezTo>
                  <a:cubicBezTo>
                    <a:pt x="723499" y="19322"/>
                    <a:pt x="726362" y="19322"/>
                    <a:pt x="729940" y="19322"/>
                  </a:cubicBezTo>
                  <a:cubicBezTo>
                    <a:pt x="733518" y="19322"/>
                    <a:pt x="737096" y="20038"/>
                    <a:pt x="739958" y="21469"/>
                  </a:cubicBezTo>
                  <a:cubicBezTo>
                    <a:pt x="742821" y="22900"/>
                    <a:pt x="744968" y="24331"/>
                    <a:pt x="747115" y="26478"/>
                  </a:cubicBezTo>
                  <a:lnTo>
                    <a:pt x="758565" y="13597"/>
                  </a:lnTo>
                  <a:cubicBezTo>
                    <a:pt x="754987" y="10734"/>
                    <a:pt x="751408" y="7872"/>
                    <a:pt x="745683" y="6441"/>
                  </a:cubicBezTo>
                  <a:cubicBezTo>
                    <a:pt x="740674" y="4294"/>
                    <a:pt x="734949" y="3578"/>
                    <a:pt x="728508" y="3578"/>
                  </a:cubicBezTo>
                  <a:cubicBezTo>
                    <a:pt x="722783" y="3578"/>
                    <a:pt x="717058" y="4294"/>
                    <a:pt x="712049" y="6441"/>
                  </a:cubicBezTo>
                  <a:cubicBezTo>
                    <a:pt x="707040" y="8588"/>
                    <a:pt x="702746" y="10734"/>
                    <a:pt x="699168" y="14313"/>
                  </a:cubicBezTo>
                  <a:cubicBezTo>
                    <a:pt x="695590" y="17891"/>
                    <a:pt x="692727" y="22184"/>
                    <a:pt x="690580" y="27194"/>
                  </a:cubicBezTo>
                  <a:cubicBezTo>
                    <a:pt x="688433" y="32203"/>
                    <a:pt x="687718" y="37928"/>
                    <a:pt x="687718" y="43653"/>
                  </a:cubicBezTo>
                  <a:cubicBezTo>
                    <a:pt x="687718" y="49378"/>
                    <a:pt x="688433" y="55103"/>
                    <a:pt x="690580" y="60113"/>
                  </a:cubicBezTo>
                  <a:cubicBezTo>
                    <a:pt x="692727" y="65122"/>
                    <a:pt x="695590" y="69416"/>
                    <a:pt x="699168" y="72994"/>
                  </a:cubicBezTo>
                  <a:cubicBezTo>
                    <a:pt x="702746" y="76572"/>
                    <a:pt x="707040" y="79435"/>
                    <a:pt x="712765" y="80866"/>
                  </a:cubicBezTo>
                  <a:cubicBezTo>
                    <a:pt x="717774" y="83013"/>
                    <a:pt x="723499" y="83728"/>
                    <a:pt x="729940" y="83728"/>
                  </a:cubicBezTo>
                  <a:cubicBezTo>
                    <a:pt x="735665" y="83728"/>
                    <a:pt x="741390" y="83013"/>
                    <a:pt x="746399" y="81581"/>
                  </a:cubicBezTo>
                  <a:cubicBezTo>
                    <a:pt x="750693" y="80866"/>
                    <a:pt x="754987" y="79435"/>
                    <a:pt x="759280" y="77288"/>
                  </a:cubicBezTo>
                  <a:moveTo>
                    <a:pt x="659808" y="0"/>
                  </a:moveTo>
                  <a:lnTo>
                    <a:pt x="641918" y="0"/>
                  </a:lnTo>
                  <a:lnTo>
                    <a:pt x="641918" y="81581"/>
                  </a:lnTo>
                  <a:lnTo>
                    <a:pt x="659808" y="81581"/>
                  </a:lnTo>
                  <a:lnTo>
                    <a:pt x="659808" y="0"/>
                  </a:lnTo>
                  <a:close/>
                  <a:moveTo>
                    <a:pt x="628321" y="0"/>
                  </a:moveTo>
                  <a:lnTo>
                    <a:pt x="610430" y="0"/>
                  </a:lnTo>
                  <a:lnTo>
                    <a:pt x="610430" y="81581"/>
                  </a:lnTo>
                  <a:lnTo>
                    <a:pt x="628321" y="81581"/>
                  </a:lnTo>
                  <a:lnTo>
                    <a:pt x="628321" y="0"/>
                  </a:lnTo>
                  <a:close/>
                  <a:moveTo>
                    <a:pt x="556758" y="45084"/>
                  </a:moveTo>
                  <a:cubicBezTo>
                    <a:pt x="558189" y="43653"/>
                    <a:pt x="560336" y="42222"/>
                    <a:pt x="562483" y="41506"/>
                  </a:cubicBezTo>
                  <a:cubicBezTo>
                    <a:pt x="564630" y="40075"/>
                    <a:pt x="567492" y="40075"/>
                    <a:pt x="569639" y="40075"/>
                  </a:cubicBezTo>
                  <a:cubicBezTo>
                    <a:pt x="572502" y="40075"/>
                    <a:pt x="574649" y="40791"/>
                    <a:pt x="576796" y="42222"/>
                  </a:cubicBezTo>
                  <a:cubicBezTo>
                    <a:pt x="578942" y="43653"/>
                    <a:pt x="579658" y="45084"/>
                    <a:pt x="579658" y="47947"/>
                  </a:cubicBezTo>
                  <a:lnTo>
                    <a:pt x="579658" y="48663"/>
                  </a:lnTo>
                  <a:cubicBezTo>
                    <a:pt x="576080" y="48663"/>
                    <a:pt x="571786" y="48663"/>
                    <a:pt x="567492" y="49378"/>
                  </a:cubicBezTo>
                  <a:cubicBezTo>
                    <a:pt x="563199" y="50094"/>
                    <a:pt x="559620" y="50809"/>
                    <a:pt x="556042" y="52241"/>
                  </a:cubicBezTo>
                  <a:cubicBezTo>
                    <a:pt x="552464" y="53672"/>
                    <a:pt x="550317" y="55103"/>
                    <a:pt x="548170" y="57966"/>
                  </a:cubicBezTo>
                  <a:cubicBezTo>
                    <a:pt x="546024" y="60113"/>
                    <a:pt x="545308" y="63691"/>
                    <a:pt x="545308" y="67269"/>
                  </a:cubicBezTo>
                  <a:cubicBezTo>
                    <a:pt x="545308" y="70131"/>
                    <a:pt x="546024" y="72994"/>
                    <a:pt x="547455" y="75141"/>
                  </a:cubicBezTo>
                  <a:cubicBezTo>
                    <a:pt x="548886" y="77288"/>
                    <a:pt x="550317" y="78719"/>
                    <a:pt x="552464" y="80150"/>
                  </a:cubicBezTo>
                  <a:cubicBezTo>
                    <a:pt x="554611" y="81581"/>
                    <a:pt x="556758" y="82297"/>
                    <a:pt x="558905" y="83013"/>
                  </a:cubicBezTo>
                  <a:cubicBezTo>
                    <a:pt x="561052" y="83728"/>
                    <a:pt x="563199" y="83728"/>
                    <a:pt x="565345" y="83728"/>
                  </a:cubicBezTo>
                  <a:cubicBezTo>
                    <a:pt x="568924" y="83728"/>
                    <a:pt x="571786" y="83013"/>
                    <a:pt x="574649" y="81581"/>
                  </a:cubicBezTo>
                  <a:cubicBezTo>
                    <a:pt x="577511" y="80150"/>
                    <a:pt x="579658" y="78719"/>
                    <a:pt x="581089" y="76572"/>
                  </a:cubicBezTo>
                  <a:lnTo>
                    <a:pt x="581089" y="76572"/>
                  </a:lnTo>
                  <a:lnTo>
                    <a:pt x="581089" y="82297"/>
                  </a:lnTo>
                  <a:lnTo>
                    <a:pt x="597549" y="82297"/>
                  </a:lnTo>
                  <a:lnTo>
                    <a:pt x="597549" y="55103"/>
                  </a:lnTo>
                  <a:cubicBezTo>
                    <a:pt x="597549" y="50094"/>
                    <a:pt x="596833" y="45800"/>
                    <a:pt x="596117" y="42222"/>
                  </a:cubicBezTo>
                  <a:cubicBezTo>
                    <a:pt x="595402" y="38644"/>
                    <a:pt x="593971" y="35781"/>
                    <a:pt x="591824" y="33634"/>
                  </a:cubicBezTo>
                  <a:cubicBezTo>
                    <a:pt x="589677" y="31488"/>
                    <a:pt x="587530" y="29341"/>
                    <a:pt x="583952" y="28625"/>
                  </a:cubicBezTo>
                  <a:cubicBezTo>
                    <a:pt x="581089" y="27194"/>
                    <a:pt x="576796" y="27194"/>
                    <a:pt x="572502" y="27194"/>
                  </a:cubicBezTo>
                  <a:cubicBezTo>
                    <a:pt x="568208" y="27194"/>
                    <a:pt x="563914" y="27909"/>
                    <a:pt x="559620" y="29341"/>
                  </a:cubicBezTo>
                  <a:cubicBezTo>
                    <a:pt x="555327" y="30772"/>
                    <a:pt x="551749" y="32919"/>
                    <a:pt x="548886" y="36497"/>
                  </a:cubicBezTo>
                  <a:lnTo>
                    <a:pt x="556758" y="45084"/>
                  </a:lnTo>
                  <a:close/>
                  <a:moveTo>
                    <a:pt x="580374" y="60113"/>
                  </a:moveTo>
                  <a:cubicBezTo>
                    <a:pt x="580374" y="63691"/>
                    <a:pt x="579658" y="65838"/>
                    <a:pt x="577511" y="67985"/>
                  </a:cubicBezTo>
                  <a:cubicBezTo>
                    <a:pt x="575364" y="70131"/>
                    <a:pt x="572502" y="70847"/>
                    <a:pt x="568924" y="70847"/>
                  </a:cubicBezTo>
                  <a:cubicBezTo>
                    <a:pt x="568208" y="70847"/>
                    <a:pt x="567492" y="70847"/>
                    <a:pt x="566061" y="70847"/>
                  </a:cubicBezTo>
                  <a:cubicBezTo>
                    <a:pt x="565345" y="70847"/>
                    <a:pt x="564630" y="70131"/>
                    <a:pt x="563914" y="70131"/>
                  </a:cubicBezTo>
                  <a:cubicBezTo>
                    <a:pt x="563199" y="69416"/>
                    <a:pt x="562483" y="69416"/>
                    <a:pt x="562483" y="68700"/>
                  </a:cubicBezTo>
                  <a:cubicBezTo>
                    <a:pt x="561767" y="67985"/>
                    <a:pt x="561767" y="67269"/>
                    <a:pt x="561767" y="65838"/>
                  </a:cubicBezTo>
                  <a:cubicBezTo>
                    <a:pt x="561767" y="64406"/>
                    <a:pt x="562483" y="62975"/>
                    <a:pt x="563199" y="62260"/>
                  </a:cubicBezTo>
                  <a:cubicBezTo>
                    <a:pt x="563914" y="61544"/>
                    <a:pt x="565345" y="60828"/>
                    <a:pt x="566777" y="60113"/>
                  </a:cubicBezTo>
                  <a:cubicBezTo>
                    <a:pt x="568208" y="59397"/>
                    <a:pt x="570355" y="59397"/>
                    <a:pt x="571786" y="59397"/>
                  </a:cubicBezTo>
                  <a:cubicBezTo>
                    <a:pt x="573933" y="59397"/>
                    <a:pt x="576080" y="59397"/>
                    <a:pt x="577511" y="59397"/>
                  </a:cubicBezTo>
                  <a:lnTo>
                    <a:pt x="579658" y="59397"/>
                  </a:lnTo>
                  <a:lnTo>
                    <a:pt x="580374" y="60113"/>
                  </a:lnTo>
                  <a:lnTo>
                    <a:pt x="580374" y="60113"/>
                  </a:lnTo>
                  <a:close/>
                  <a:moveTo>
                    <a:pt x="533858" y="81581"/>
                  </a:moveTo>
                  <a:lnTo>
                    <a:pt x="533858" y="5725"/>
                  </a:lnTo>
                  <a:lnTo>
                    <a:pt x="515252" y="5725"/>
                  </a:lnTo>
                  <a:lnTo>
                    <a:pt x="515252" y="34350"/>
                  </a:lnTo>
                  <a:lnTo>
                    <a:pt x="485195" y="34350"/>
                  </a:lnTo>
                  <a:lnTo>
                    <a:pt x="485195" y="5725"/>
                  </a:lnTo>
                  <a:lnTo>
                    <a:pt x="466589" y="5725"/>
                  </a:lnTo>
                  <a:lnTo>
                    <a:pt x="466589" y="82297"/>
                  </a:lnTo>
                  <a:lnTo>
                    <a:pt x="485195" y="82297"/>
                  </a:lnTo>
                  <a:lnTo>
                    <a:pt x="485195" y="50094"/>
                  </a:lnTo>
                  <a:lnTo>
                    <a:pt x="515252" y="50094"/>
                  </a:lnTo>
                  <a:lnTo>
                    <a:pt x="515252" y="82297"/>
                  </a:lnTo>
                  <a:lnTo>
                    <a:pt x="533858" y="81581"/>
                  </a:lnTo>
                  <a:lnTo>
                    <a:pt x="533858" y="81581"/>
                  </a:lnTo>
                  <a:close/>
                  <a:moveTo>
                    <a:pt x="434386" y="81581"/>
                  </a:moveTo>
                  <a:lnTo>
                    <a:pt x="434386" y="48663"/>
                  </a:lnTo>
                  <a:cubicBezTo>
                    <a:pt x="434386" y="45800"/>
                    <a:pt x="434386" y="43653"/>
                    <a:pt x="433670" y="40791"/>
                  </a:cubicBezTo>
                  <a:cubicBezTo>
                    <a:pt x="432954" y="37928"/>
                    <a:pt x="431523" y="35781"/>
                    <a:pt x="430092" y="33634"/>
                  </a:cubicBezTo>
                  <a:cubicBezTo>
                    <a:pt x="428661" y="31488"/>
                    <a:pt x="426514" y="30056"/>
                    <a:pt x="423651" y="28625"/>
                  </a:cubicBezTo>
                  <a:cubicBezTo>
                    <a:pt x="420789" y="27194"/>
                    <a:pt x="417926" y="26478"/>
                    <a:pt x="414348" y="26478"/>
                  </a:cubicBezTo>
                  <a:cubicBezTo>
                    <a:pt x="412201" y="26478"/>
                    <a:pt x="410770" y="26478"/>
                    <a:pt x="409339" y="27194"/>
                  </a:cubicBezTo>
                  <a:cubicBezTo>
                    <a:pt x="407907" y="27909"/>
                    <a:pt x="406476" y="28625"/>
                    <a:pt x="405045" y="29341"/>
                  </a:cubicBezTo>
                  <a:cubicBezTo>
                    <a:pt x="403614" y="30056"/>
                    <a:pt x="402182" y="30772"/>
                    <a:pt x="401467" y="32203"/>
                  </a:cubicBezTo>
                  <a:cubicBezTo>
                    <a:pt x="400751" y="33634"/>
                    <a:pt x="399320" y="34350"/>
                    <a:pt x="398604" y="35781"/>
                  </a:cubicBezTo>
                  <a:lnTo>
                    <a:pt x="398604" y="35781"/>
                  </a:lnTo>
                  <a:lnTo>
                    <a:pt x="398604" y="28625"/>
                  </a:lnTo>
                  <a:lnTo>
                    <a:pt x="381429" y="28625"/>
                  </a:lnTo>
                  <a:lnTo>
                    <a:pt x="381429" y="82297"/>
                  </a:lnTo>
                  <a:lnTo>
                    <a:pt x="399320" y="82297"/>
                  </a:lnTo>
                  <a:lnTo>
                    <a:pt x="399320" y="52956"/>
                  </a:lnTo>
                  <a:cubicBezTo>
                    <a:pt x="399320" y="51525"/>
                    <a:pt x="399320" y="50094"/>
                    <a:pt x="400036" y="48663"/>
                  </a:cubicBezTo>
                  <a:cubicBezTo>
                    <a:pt x="400751" y="47231"/>
                    <a:pt x="400751" y="45800"/>
                    <a:pt x="401467" y="45084"/>
                  </a:cubicBezTo>
                  <a:cubicBezTo>
                    <a:pt x="402182" y="44369"/>
                    <a:pt x="402898" y="42938"/>
                    <a:pt x="404329" y="42222"/>
                  </a:cubicBezTo>
                  <a:cubicBezTo>
                    <a:pt x="405761" y="41506"/>
                    <a:pt x="407192" y="41506"/>
                    <a:pt x="408623" y="41506"/>
                  </a:cubicBezTo>
                  <a:cubicBezTo>
                    <a:pt x="410054" y="41506"/>
                    <a:pt x="411486" y="41506"/>
                    <a:pt x="412917" y="42222"/>
                  </a:cubicBezTo>
                  <a:cubicBezTo>
                    <a:pt x="413633" y="42938"/>
                    <a:pt x="415064" y="43653"/>
                    <a:pt x="415064" y="44369"/>
                  </a:cubicBezTo>
                  <a:cubicBezTo>
                    <a:pt x="415779" y="45084"/>
                    <a:pt x="415779" y="46516"/>
                    <a:pt x="416495" y="47947"/>
                  </a:cubicBezTo>
                  <a:cubicBezTo>
                    <a:pt x="416495" y="49378"/>
                    <a:pt x="417211" y="50809"/>
                    <a:pt x="417211" y="52241"/>
                  </a:cubicBezTo>
                  <a:lnTo>
                    <a:pt x="417211" y="81581"/>
                  </a:lnTo>
                  <a:cubicBezTo>
                    <a:pt x="417211" y="81581"/>
                    <a:pt x="434386" y="81581"/>
                    <a:pt x="434386" y="81581"/>
                  </a:cubicBezTo>
                  <a:close/>
                  <a:moveTo>
                    <a:pt x="352089" y="60113"/>
                  </a:moveTo>
                  <a:cubicBezTo>
                    <a:pt x="351373" y="61544"/>
                    <a:pt x="350657" y="62975"/>
                    <a:pt x="349942" y="64406"/>
                  </a:cubicBezTo>
                  <a:cubicBezTo>
                    <a:pt x="348510" y="65838"/>
                    <a:pt x="347795" y="66553"/>
                    <a:pt x="345648" y="67269"/>
                  </a:cubicBezTo>
                  <a:cubicBezTo>
                    <a:pt x="344217" y="67985"/>
                    <a:pt x="342070" y="68700"/>
                    <a:pt x="339923" y="68700"/>
                  </a:cubicBezTo>
                  <a:cubicBezTo>
                    <a:pt x="337776" y="68700"/>
                    <a:pt x="336345" y="67985"/>
                    <a:pt x="334198" y="67269"/>
                  </a:cubicBezTo>
                  <a:cubicBezTo>
                    <a:pt x="332767" y="66553"/>
                    <a:pt x="331335" y="65122"/>
                    <a:pt x="329904" y="64406"/>
                  </a:cubicBezTo>
                  <a:cubicBezTo>
                    <a:pt x="328473" y="62975"/>
                    <a:pt x="327757" y="61544"/>
                    <a:pt x="327757" y="60113"/>
                  </a:cubicBezTo>
                  <a:cubicBezTo>
                    <a:pt x="327042" y="58681"/>
                    <a:pt x="327042" y="56534"/>
                    <a:pt x="327042" y="55103"/>
                  </a:cubicBezTo>
                  <a:cubicBezTo>
                    <a:pt x="327042" y="53672"/>
                    <a:pt x="327042" y="51525"/>
                    <a:pt x="327757" y="50094"/>
                  </a:cubicBezTo>
                  <a:cubicBezTo>
                    <a:pt x="328473" y="48663"/>
                    <a:pt x="329188" y="47231"/>
                    <a:pt x="329904" y="45800"/>
                  </a:cubicBezTo>
                  <a:cubicBezTo>
                    <a:pt x="330620" y="44369"/>
                    <a:pt x="332051" y="43653"/>
                    <a:pt x="334198" y="42938"/>
                  </a:cubicBezTo>
                  <a:cubicBezTo>
                    <a:pt x="335629" y="42222"/>
                    <a:pt x="337776" y="41506"/>
                    <a:pt x="339923" y="41506"/>
                  </a:cubicBezTo>
                  <a:cubicBezTo>
                    <a:pt x="342070" y="41506"/>
                    <a:pt x="343501" y="42222"/>
                    <a:pt x="345648" y="42938"/>
                  </a:cubicBezTo>
                  <a:cubicBezTo>
                    <a:pt x="347079" y="43653"/>
                    <a:pt x="348510" y="45084"/>
                    <a:pt x="349942" y="45800"/>
                  </a:cubicBezTo>
                  <a:cubicBezTo>
                    <a:pt x="351373" y="47231"/>
                    <a:pt x="352089" y="48663"/>
                    <a:pt x="352089" y="50094"/>
                  </a:cubicBezTo>
                  <a:cubicBezTo>
                    <a:pt x="352804" y="51525"/>
                    <a:pt x="352804" y="53672"/>
                    <a:pt x="352804" y="55103"/>
                  </a:cubicBezTo>
                  <a:cubicBezTo>
                    <a:pt x="352804" y="56534"/>
                    <a:pt x="352089" y="57966"/>
                    <a:pt x="352089" y="60113"/>
                  </a:cubicBezTo>
                  <a:moveTo>
                    <a:pt x="367117" y="42938"/>
                  </a:moveTo>
                  <a:cubicBezTo>
                    <a:pt x="365685" y="39359"/>
                    <a:pt x="363539" y="36497"/>
                    <a:pt x="360676" y="33634"/>
                  </a:cubicBezTo>
                  <a:cubicBezTo>
                    <a:pt x="357814" y="31488"/>
                    <a:pt x="354951" y="29341"/>
                    <a:pt x="351373" y="27909"/>
                  </a:cubicBezTo>
                  <a:cubicBezTo>
                    <a:pt x="347795" y="26478"/>
                    <a:pt x="344217" y="25763"/>
                    <a:pt x="339923" y="25763"/>
                  </a:cubicBezTo>
                  <a:cubicBezTo>
                    <a:pt x="335629" y="25763"/>
                    <a:pt x="332051" y="26478"/>
                    <a:pt x="328473" y="27909"/>
                  </a:cubicBezTo>
                  <a:cubicBezTo>
                    <a:pt x="324895" y="29341"/>
                    <a:pt x="321317" y="30772"/>
                    <a:pt x="319170" y="33634"/>
                  </a:cubicBezTo>
                  <a:cubicBezTo>
                    <a:pt x="316307" y="35781"/>
                    <a:pt x="314160" y="39359"/>
                    <a:pt x="312729" y="42938"/>
                  </a:cubicBezTo>
                  <a:cubicBezTo>
                    <a:pt x="311298" y="46516"/>
                    <a:pt x="310582" y="50094"/>
                    <a:pt x="310582" y="55103"/>
                  </a:cubicBezTo>
                  <a:cubicBezTo>
                    <a:pt x="310582" y="59397"/>
                    <a:pt x="311298" y="63691"/>
                    <a:pt x="312729" y="67269"/>
                  </a:cubicBezTo>
                  <a:cubicBezTo>
                    <a:pt x="314160" y="70847"/>
                    <a:pt x="316307" y="73710"/>
                    <a:pt x="319170" y="76572"/>
                  </a:cubicBezTo>
                  <a:cubicBezTo>
                    <a:pt x="322032" y="78719"/>
                    <a:pt x="324895" y="80866"/>
                    <a:pt x="328473" y="82297"/>
                  </a:cubicBezTo>
                  <a:cubicBezTo>
                    <a:pt x="332051" y="83728"/>
                    <a:pt x="335629" y="84444"/>
                    <a:pt x="339923" y="84444"/>
                  </a:cubicBezTo>
                  <a:cubicBezTo>
                    <a:pt x="344217" y="84444"/>
                    <a:pt x="347795" y="83728"/>
                    <a:pt x="351373" y="82297"/>
                  </a:cubicBezTo>
                  <a:cubicBezTo>
                    <a:pt x="354951" y="80866"/>
                    <a:pt x="357814" y="78719"/>
                    <a:pt x="360676" y="76572"/>
                  </a:cubicBezTo>
                  <a:cubicBezTo>
                    <a:pt x="363539" y="74425"/>
                    <a:pt x="365685" y="70847"/>
                    <a:pt x="367117" y="67269"/>
                  </a:cubicBezTo>
                  <a:cubicBezTo>
                    <a:pt x="368548" y="63691"/>
                    <a:pt x="369264" y="59397"/>
                    <a:pt x="369264" y="55103"/>
                  </a:cubicBezTo>
                  <a:cubicBezTo>
                    <a:pt x="369979" y="50094"/>
                    <a:pt x="369264" y="46516"/>
                    <a:pt x="367117" y="42938"/>
                  </a:cubicBezTo>
                  <a:moveTo>
                    <a:pt x="281241" y="60113"/>
                  </a:moveTo>
                  <a:cubicBezTo>
                    <a:pt x="280526" y="61544"/>
                    <a:pt x="279810" y="62975"/>
                    <a:pt x="278379" y="64406"/>
                  </a:cubicBezTo>
                  <a:cubicBezTo>
                    <a:pt x="276948" y="65838"/>
                    <a:pt x="276232" y="66553"/>
                    <a:pt x="274085" y="67269"/>
                  </a:cubicBezTo>
                  <a:cubicBezTo>
                    <a:pt x="272654" y="67985"/>
                    <a:pt x="270507" y="68700"/>
                    <a:pt x="268360" y="68700"/>
                  </a:cubicBezTo>
                  <a:cubicBezTo>
                    <a:pt x="266213" y="68700"/>
                    <a:pt x="264782" y="67985"/>
                    <a:pt x="262635" y="67269"/>
                  </a:cubicBezTo>
                  <a:cubicBezTo>
                    <a:pt x="261204" y="66553"/>
                    <a:pt x="259773" y="65122"/>
                    <a:pt x="258341" y="64406"/>
                  </a:cubicBezTo>
                  <a:cubicBezTo>
                    <a:pt x="256910" y="62975"/>
                    <a:pt x="256195" y="61544"/>
                    <a:pt x="256195" y="60113"/>
                  </a:cubicBezTo>
                  <a:cubicBezTo>
                    <a:pt x="255479" y="58681"/>
                    <a:pt x="255479" y="56534"/>
                    <a:pt x="255479" y="55103"/>
                  </a:cubicBezTo>
                  <a:cubicBezTo>
                    <a:pt x="255479" y="53672"/>
                    <a:pt x="255479" y="51525"/>
                    <a:pt x="256195" y="50094"/>
                  </a:cubicBezTo>
                  <a:cubicBezTo>
                    <a:pt x="256910" y="48663"/>
                    <a:pt x="257626" y="47231"/>
                    <a:pt x="258341" y="45800"/>
                  </a:cubicBezTo>
                  <a:cubicBezTo>
                    <a:pt x="259773" y="44369"/>
                    <a:pt x="260488" y="43653"/>
                    <a:pt x="262635" y="42938"/>
                  </a:cubicBezTo>
                  <a:cubicBezTo>
                    <a:pt x="264066" y="42222"/>
                    <a:pt x="266213" y="41506"/>
                    <a:pt x="268360" y="41506"/>
                  </a:cubicBezTo>
                  <a:cubicBezTo>
                    <a:pt x="270507" y="41506"/>
                    <a:pt x="271938" y="42222"/>
                    <a:pt x="274085" y="42938"/>
                  </a:cubicBezTo>
                  <a:cubicBezTo>
                    <a:pt x="275516" y="43653"/>
                    <a:pt x="276948" y="45084"/>
                    <a:pt x="278379" y="45800"/>
                  </a:cubicBezTo>
                  <a:cubicBezTo>
                    <a:pt x="279810" y="46516"/>
                    <a:pt x="280526" y="48663"/>
                    <a:pt x="281241" y="50094"/>
                  </a:cubicBezTo>
                  <a:cubicBezTo>
                    <a:pt x="281957" y="51525"/>
                    <a:pt x="281957" y="53672"/>
                    <a:pt x="281957" y="55103"/>
                  </a:cubicBezTo>
                  <a:cubicBezTo>
                    <a:pt x="281957" y="56534"/>
                    <a:pt x="281241" y="57966"/>
                    <a:pt x="281241" y="60113"/>
                  </a:cubicBezTo>
                  <a:moveTo>
                    <a:pt x="298416" y="81581"/>
                  </a:moveTo>
                  <a:lnTo>
                    <a:pt x="298416" y="0"/>
                  </a:lnTo>
                  <a:lnTo>
                    <a:pt x="280526" y="0"/>
                  </a:lnTo>
                  <a:lnTo>
                    <a:pt x="280526" y="33634"/>
                  </a:lnTo>
                  <a:lnTo>
                    <a:pt x="280526" y="33634"/>
                  </a:lnTo>
                  <a:cubicBezTo>
                    <a:pt x="279095" y="31488"/>
                    <a:pt x="276948" y="30056"/>
                    <a:pt x="274085" y="28625"/>
                  </a:cubicBezTo>
                  <a:cubicBezTo>
                    <a:pt x="271223" y="27194"/>
                    <a:pt x="268360" y="26478"/>
                    <a:pt x="264066" y="26478"/>
                  </a:cubicBezTo>
                  <a:cubicBezTo>
                    <a:pt x="260488" y="26478"/>
                    <a:pt x="256910" y="27194"/>
                    <a:pt x="253332" y="28625"/>
                  </a:cubicBezTo>
                  <a:cubicBezTo>
                    <a:pt x="250469" y="30056"/>
                    <a:pt x="247607" y="32203"/>
                    <a:pt x="245460" y="35066"/>
                  </a:cubicBezTo>
                  <a:cubicBezTo>
                    <a:pt x="243313" y="37928"/>
                    <a:pt x="241882" y="40791"/>
                    <a:pt x="240451" y="44369"/>
                  </a:cubicBezTo>
                  <a:cubicBezTo>
                    <a:pt x="239019" y="47947"/>
                    <a:pt x="239019" y="51525"/>
                    <a:pt x="239019" y="55103"/>
                  </a:cubicBezTo>
                  <a:cubicBezTo>
                    <a:pt x="239019" y="58681"/>
                    <a:pt x="239735" y="62260"/>
                    <a:pt x="240451" y="65838"/>
                  </a:cubicBezTo>
                  <a:cubicBezTo>
                    <a:pt x="241882" y="69416"/>
                    <a:pt x="243313" y="72278"/>
                    <a:pt x="245460" y="75141"/>
                  </a:cubicBezTo>
                  <a:cubicBezTo>
                    <a:pt x="247607" y="78003"/>
                    <a:pt x="250469" y="80150"/>
                    <a:pt x="253332" y="81581"/>
                  </a:cubicBezTo>
                  <a:cubicBezTo>
                    <a:pt x="256195" y="83013"/>
                    <a:pt x="259773" y="83728"/>
                    <a:pt x="264066" y="83728"/>
                  </a:cubicBezTo>
                  <a:cubicBezTo>
                    <a:pt x="267645" y="83728"/>
                    <a:pt x="271223" y="83013"/>
                    <a:pt x="274085" y="81581"/>
                  </a:cubicBezTo>
                  <a:cubicBezTo>
                    <a:pt x="276948" y="80150"/>
                    <a:pt x="279810" y="78003"/>
                    <a:pt x="281241" y="75141"/>
                  </a:cubicBezTo>
                  <a:lnTo>
                    <a:pt x="281241" y="75141"/>
                  </a:lnTo>
                  <a:lnTo>
                    <a:pt x="281241" y="82297"/>
                  </a:lnTo>
                  <a:lnTo>
                    <a:pt x="298416" y="81581"/>
                  </a:lnTo>
                  <a:lnTo>
                    <a:pt x="298416" y="81581"/>
                  </a:lnTo>
                  <a:close/>
                  <a:moveTo>
                    <a:pt x="228285" y="81581"/>
                  </a:moveTo>
                  <a:lnTo>
                    <a:pt x="228285" y="48663"/>
                  </a:lnTo>
                  <a:cubicBezTo>
                    <a:pt x="228285" y="45800"/>
                    <a:pt x="228285" y="43653"/>
                    <a:pt x="227569" y="40791"/>
                  </a:cubicBezTo>
                  <a:cubicBezTo>
                    <a:pt x="226854" y="37928"/>
                    <a:pt x="225423" y="35781"/>
                    <a:pt x="223991" y="33634"/>
                  </a:cubicBezTo>
                  <a:cubicBezTo>
                    <a:pt x="222560" y="31488"/>
                    <a:pt x="220413" y="30056"/>
                    <a:pt x="217551" y="28625"/>
                  </a:cubicBezTo>
                  <a:cubicBezTo>
                    <a:pt x="214688" y="27194"/>
                    <a:pt x="211826" y="26478"/>
                    <a:pt x="208247" y="26478"/>
                  </a:cubicBezTo>
                  <a:cubicBezTo>
                    <a:pt x="206101" y="26478"/>
                    <a:pt x="204669" y="26478"/>
                    <a:pt x="203238" y="27194"/>
                  </a:cubicBezTo>
                  <a:cubicBezTo>
                    <a:pt x="201807" y="27909"/>
                    <a:pt x="200376" y="28625"/>
                    <a:pt x="198944" y="29341"/>
                  </a:cubicBezTo>
                  <a:cubicBezTo>
                    <a:pt x="197513" y="30056"/>
                    <a:pt x="196082" y="30772"/>
                    <a:pt x="195366" y="32203"/>
                  </a:cubicBezTo>
                  <a:cubicBezTo>
                    <a:pt x="194651" y="33634"/>
                    <a:pt x="193219" y="34350"/>
                    <a:pt x="192504" y="35781"/>
                  </a:cubicBezTo>
                  <a:lnTo>
                    <a:pt x="192504" y="35781"/>
                  </a:lnTo>
                  <a:lnTo>
                    <a:pt x="192504" y="28625"/>
                  </a:lnTo>
                  <a:lnTo>
                    <a:pt x="175329" y="28625"/>
                  </a:lnTo>
                  <a:lnTo>
                    <a:pt x="175329" y="82297"/>
                  </a:lnTo>
                  <a:lnTo>
                    <a:pt x="193219" y="82297"/>
                  </a:lnTo>
                  <a:lnTo>
                    <a:pt x="193219" y="52956"/>
                  </a:lnTo>
                  <a:cubicBezTo>
                    <a:pt x="193219" y="51525"/>
                    <a:pt x="193219" y="50094"/>
                    <a:pt x="193935" y="48663"/>
                  </a:cubicBezTo>
                  <a:cubicBezTo>
                    <a:pt x="194651" y="47231"/>
                    <a:pt x="194651" y="45800"/>
                    <a:pt x="195366" y="45084"/>
                  </a:cubicBezTo>
                  <a:cubicBezTo>
                    <a:pt x="196082" y="44369"/>
                    <a:pt x="196797" y="42938"/>
                    <a:pt x="198229" y="42222"/>
                  </a:cubicBezTo>
                  <a:cubicBezTo>
                    <a:pt x="199660" y="41506"/>
                    <a:pt x="201091" y="41506"/>
                    <a:pt x="202522" y="41506"/>
                  </a:cubicBezTo>
                  <a:cubicBezTo>
                    <a:pt x="203954" y="41506"/>
                    <a:pt x="205385" y="41506"/>
                    <a:pt x="206101" y="42222"/>
                  </a:cubicBezTo>
                  <a:cubicBezTo>
                    <a:pt x="206816" y="42938"/>
                    <a:pt x="208247" y="43653"/>
                    <a:pt x="208247" y="44369"/>
                  </a:cubicBezTo>
                  <a:cubicBezTo>
                    <a:pt x="208963" y="45084"/>
                    <a:pt x="208963" y="46516"/>
                    <a:pt x="209679" y="47947"/>
                  </a:cubicBezTo>
                  <a:cubicBezTo>
                    <a:pt x="209679" y="49378"/>
                    <a:pt x="210394" y="50809"/>
                    <a:pt x="210394" y="52241"/>
                  </a:cubicBezTo>
                  <a:lnTo>
                    <a:pt x="210394" y="81581"/>
                  </a:lnTo>
                  <a:cubicBezTo>
                    <a:pt x="210394" y="81581"/>
                    <a:pt x="228285" y="81581"/>
                    <a:pt x="228285" y="81581"/>
                  </a:cubicBezTo>
                  <a:close/>
                  <a:moveTo>
                    <a:pt x="122372" y="45084"/>
                  </a:moveTo>
                  <a:cubicBezTo>
                    <a:pt x="123804" y="43653"/>
                    <a:pt x="125950" y="42222"/>
                    <a:pt x="128097" y="41506"/>
                  </a:cubicBezTo>
                  <a:cubicBezTo>
                    <a:pt x="130244" y="40075"/>
                    <a:pt x="133107" y="40075"/>
                    <a:pt x="135254" y="40075"/>
                  </a:cubicBezTo>
                  <a:cubicBezTo>
                    <a:pt x="138116" y="40075"/>
                    <a:pt x="140263" y="40791"/>
                    <a:pt x="142410" y="42222"/>
                  </a:cubicBezTo>
                  <a:cubicBezTo>
                    <a:pt x="144557" y="43653"/>
                    <a:pt x="145272" y="45084"/>
                    <a:pt x="145272" y="47947"/>
                  </a:cubicBezTo>
                  <a:lnTo>
                    <a:pt x="145272" y="48663"/>
                  </a:lnTo>
                  <a:cubicBezTo>
                    <a:pt x="141694" y="48663"/>
                    <a:pt x="137400" y="48663"/>
                    <a:pt x="133107" y="49378"/>
                  </a:cubicBezTo>
                  <a:cubicBezTo>
                    <a:pt x="128813" y="50094"/>
                    <a:pt x="125235" y="50809"/>
                    <a:pt x="121657" y="52241"/>
                  </a:cubicBezTo>
                  <a:cubicBezTo>
                    <a:pt x="118078" y="53672"/>
                    <a:pt x="115216" y="55103"/>
                    <a:pt x="113785" y="57966"/>
                  </a:cubicBezTo>
                  <a:cubicBezTo>
                    <a:pt x="111638" y="60113"/>
                    <a:pt x="110922" y="63691"/>
                    <a:pt x="110922" y="67269"/>
                  </a:cubicBezTo>
                  <a:cubicBezTo>
                    <a:pt x="110922" y="70131"/>
                    <a:pt x="111638" y="72994"/>
                    <a:pt x="113069" y="75141"/>
                  </a:cubicBezTo>
                  <a:cubicBezTo>
                    <a:pt x="114500" y="77288"/>
                    <a:pt x="115932" y="78719"/>
                    <a:pt x="118078" y="80150"/>
                  </a:cubicBezTo>
                  <a:cubicBezTo>
                    <a:pt x="120225" y="81581"/>
                    <a:pt x="122372" y="82297"/>
                    <a:pt x="124519" y="83013"/>
                  </a:cubicBezTo>
                  <a:cubicBezTo>
                    <a:pt x="126666" y="83728"/>
                    <a:pt x="128813" y="83728"/>
                    <a:pt x="130960" y="83728"/>
                  </a:cubicBezTo>
                  <a:cubicBezTo>
                    <a:pt x="134538" y="83728"/>
                    <a:pt x="137400" y="83013"/>
                    <a:pt x="140263" y="81581"/>
                  </a:cubicBezTo>
                  <a:cubicBezTo>
                    <a:pt x="143125" y="80150"/>
                    <a:pt x="145272" y="78719"/>
                    <a:pt x="146704" y="76572"/>
                  </a:cubicBezTo>
                  <a:lnTo>
                    <a:pt x="146704" y="76572"/>
                  </a:lnTo>
                  <a:lnTo>
                    <a:pt x="146704" y="82297"/>
                  </a:lnTo>
                  <a:lnTo>
                    <a:pt x="163163" y="82297"/>
                  </a:lnTo>
                  <a:lnTo>
                    <a:pt x="163163" y="55103"/>
                  </a:lnTo>
                  <a:cubicBezTo>
                    <a:pt x="163163" y="50094"/>
                    <a:pt x="162447" y="45800"/>
                    <a:pt x="161732" y="42222"/>
                  </a:cubicBezTo>
                  <a:cubicBezTo>
                    <a:pt x="161016" y="38644"/>
                    <a:pt x="159585" y="35781"/>
                    <a:pt x="157438" y="33634"/>
                  </a:cubicBezTo>
                  <a:cubicBezTo>
                    <a:pt x="155291" y="31488"/>
                    <a:pt x="153144" y="29341"/>
                    <a:pt x="149566" y="28625"/>
                  </a:cubicBezTo>
                  <a:cubicBezTo>
                    <a:pt x="146704" y="27194"/>
                    <a:pt x="142410" y="27194"/>
                    <a:pt x="138116" y="27194"/>
                  </a:cubicBezTo>
                  <a:cubicBezTo>
                    <a:pt x="133822" y="27194"/>
                    <a:pt x="129528" y="27909"/>
                    <a:pt x="125235" y="29341"/>
                  </a:cubicBezTo>
                  <a:cubicBezTo>
                    <a:pt x="120941" y="30772"/>
                    <a:pt x="117363" y="32919"/>
                    <a:pt x="114500" y="36497"/>
                  </a:cubicBezTo>
                  <a:lnTo>
                    <a:pt x="122372" y="45084"/>
                  </a:lnTo>
                  <a:close/>
                  <a:moveTo>
                    <a:pt x="145988" y="60113"/>
                  </a:moveTo>
                  <a:cubicBezTo>
                    <a:pt x="145988" y="63691"/>
                    <a:pt x="145272" y="65838"/>
                    <a:pt x="143125" y="67985"/>
                  </a:cubicBezTo>
                  <a:cubicBezTo>
                    <a:pt x="140979" y="70131"/>
                    <a:pt x="138116" y="70847"/>
                    <a:pt x="134538" y="70847"/>
                  </a:cubicBezTo>
                  <a:cubicBezTo>
                    <a:pt x="133822" y="70847"/>
                    <a:pt x="133107" y="70847"/>
                    <a:pt x="131675" y="70847"/>
                  </a:cubicBezTo>
                  <a:cubicBezTo>
                    <a:pt x="130960" y="70847"/>
                    <a:pt x="130244" y="70131"/>
                    <a:pt x="129528" y="70131"/>
                  </a:cubicBezTo>
                  <a:cubicBezTo>
                    <a:pt x="128813" y="69416"/>
                    <a:pt x="128097" y="69416"/>
                    <a:pt x="128097" y="68700"/>
                  </a:cubicBezTo>
                  <a:cubicBezTo>
                    <a:pt x="127382" y="67985"/>
                    <a:pt x="127382" y="67269"/>
                    <a:pt x="127382" y="65838"/>
                  </a:cubicBezTo>
                  <a:cubicBezTo>
                    <a:pt x="127382" y="64406"/>
                    <a:pt x="128097" y="62975"/>
                    <a:pt x="128813" y="62260"/>
                  </a:cubicBezTo>
                  <a:cubicBezTo>
                    <a:pt x="129528" y="61544"/>
                    <a:pt x="130960" y="60828"/>
                    <a:pt x="132391" y="60113"/>
                  </a:cubicBezTo>
                  <a:cubicBezTo>
                    <a:pt x="133822" y="59397"/>
                    <a:pt x="135969" y="59397"/>
                    <a:pt x="137400" y="59397"/>
                  </a:cubicBezTo>
                  <a:cubicBezTo>
                    <a:pt x="139547" y="59397"/>
                    <a:pt x="141694" y="59397"/>
                    <a:pt x="143125" y="59397"/>
                  </a:cubicBezTo>
                  <a:lnTo>
                    <a:pt x="145272" y="59397"/>
                  </a:lnTo>
                  <a:lnTo>
                    <a:pt x="145988" y="60113"/>
                  </a:lnTo>
                  <a:lnTo>
                    <a:pt x="145988" y="60113"/>
                  </a:lnTo>
                  <a:close/>
                  <a:moveTo>
                    <a:pt x="107344" y="27194"/>
                  </a:moveTo>
                  <a:cubicBezTo>
                    <a:pt x="106628" y="27194"/>
                    <a:pt x="106628" y="27194"/>
                    <a:pt x="105913" y="27194"/>
                  </a:cubicBezTo>
                  <a:cubicBezTo>
                    <a:pt x="105197" y="27194"/>
                    <a:pt x="104482" y="27194"/>
                    <a:pt x="103766" y="27194"/>
                  </a:cubicBezTo>
                  <a:cubicBezTo>
                    <a:pt x="100188" y="27194"/>
                    <a:pt x="97325" y="27909"/>
                    <a:pt x="95178" y="30056"/>
                  </a:cubicBezTo>
                  <a:cubicBezTo>
                    <a:pt x="93032" y="32203"/>
                    <a:pt x="90885" y="34350"/>
                    <a:pt x="89453" y="36497"/>
                  </a:cubicBezTo>
                  <a:lnTo>
                    <a:pt x="89453" y="36497"/>
                  </a:lnTo>
                  <a:lnTo>
                    <a:pt x="89453" y="27909"/>
                  </a:lnTo>
                  <a:lnTo>
                    <a:pt x="71563" y="27909"/>
                  </a:lnTo>
                  <a:lnTo>
                    <a:pt x="71563" y="81581"/>
                  </a:lnTo>
                  <a:lnTo>
                    <a:pt x="89453" y="81581"/>
                  </a:lnTo>
                  <a:lnTo>
                    <a:pt x="89453" y="54388"/>
                  </a:lnTo>
                  <a:cubicBezTo>
                    <a:pt x="89453" y="53672"/>
                    <a:pt x="89453" y="52241"/>
                    <a:pt x="90169" y="50809"/>
                  </a:cubicBezTo>
                  <a:cubicBezTo>
                    <a:pt x="90885" y="49378"/>
                    <a:pt x="91600" y="47947"/>
                    <a:pt x="92316" y="46516"/>
                  </a:cubicBezTo>
                  <a:cubicBezTo>
                    <a:pt x="93032" y="45084"/>
                    <a:pt x="94463" y="44369"/>
                    <a:pt x="95894" y="43653"/>
                  </a:cubicBezTo>
                  <a:cubicBezTo>
                    <a:pt x="97325" y="42938"/>
                    <a:pt x="99472" y="42222"/>
                    <a:pt x="101619" y="42222"/>
                  </a:cubicBezTo>
                  <a:cubicBezTo>
                    <a:pt x="102335" y="42222"/>
                    <a:pt x="103050" y="42222"/>
                    <a:pt x="103766" y="42222"/>
                  </a:cubicBezTo>
                  <a:cubicBezTo>
                    <a:pt x="104482" y="42222"/>
                    <a:pt x="105197" y="42222"/>
                    <a:pt x="105913" y="42938"/>
                  </a:cubicBezTo>
                  <a:lnTo>
                    <a:pt x="107344" y="27194"/>
                  </a:lnTo>
                  <a:close/>
                  <a:moveTo>
                    <a:pt x="40791" y="62260"/>
                  </a:moveTo>
                  <a:cubicBezTo>
                    <a:pt x="40075" y="63691"/>
                    <a:pt x="38644" y="64406"/>
                    <a:pt x="37928" y="65122"/>
                  </a:cubicBezTo>
                  <a:cubicBezTo>
                    <a:pt x="36497" y="65838"/>
                    <a:pt x="35066" y="66553"/>
                    <a:pt x="33634" y="66553"/>
                  </a:cubicBezTo>
                  <a:cubicBezTo>
                    <a:pt x="32203" y="66553"/>
                    <a:pt x="30772" y="67269"/>
                    <a:pt x="29341" y="67269"/>
                  </a:cubicBezTo>
                  <a:lnTo>
                    <a:pt x="19322" y="67269"/>
                  </a:lnTo>
                  <a:lnTo>
                    <a:pt x="19322" y="49378"/>
                  </a:lnTo>
                  <a:lnTo>
                    <a:pt x="28625" y="49378"/>
                  </a:lnTo>
                  <a:cubicBezTo>
                    <a:pt x="32919" y="49378"/>
                    <a:pt x="35781" y="50094"/>
                    <a:pt x="37928" y="51525"/>
                  </a:cubicBezTo>
                  <a:cubicBezTo>
                    <a:pt x="40075" y="52956"/>
                    <a:pt x="41506" y="55103"/>
                    <a:pt x="41506" y="57966"/>
                  </a:cubicBezTo>
                  <a:cubicBezTo>
                    <a:pt x="42222" y="60113"/>
                    <a:pt x="41506" y="61544"/>
                    <a:pt x="40791" y="62260"/>
                  </a:cubicBezTo>
                  <a:moveTo>
                    <a:pt x="36497" y="33634"/>
                  </a:moveTo>
                  <a:cubicBezTo>
                    <a:pt x="34350" y="35066"/>
                    <a:pt x="32203" y="35781"/>
                    <a:pt x="28625" y="35781"/>
                  </a:cubicBezTo>
                  <a:lnTo>
                    <a:pt x="18606" y="35781"/>
                  </a:lnTo>
                  <a:lnTo>
                    <a:pt x="18606" y="20038"/>
                  </a:lnTo>
                  <a:lnTo>
                    <a:pt x="27909" y="20038"/>
                  </a:lnTo>
                  <a:cubicBezTo>
                    <a:pt x="31488" y="20038"/>
                    <a:pt x="35066" y="20753"/>
                    <a:pt x="36497" y="21469"/>
                  </a:cubicBezTo>
                  <a:cubicBezTo>
                    <a:pt x="38644" y="22900"/>
                    <a:pt x="39359" y="24331"/>
                    <a:pt x="39359" y="27194"/>
                  </a:cubicBezTo>
                  <a:cubicBezTo>
                    <a:pt x="39359" y="30056"/>
                    <a:pt x="38644" y="32203"/>
                    <a:pt x="36497" y="33634"/>
                  </a:cubicBezTo>
                  <a:moveTo>
                    <a:pt x="59397" y="52956"/>
                  </a:moveTo>
                  <a:cubicBezTo>
                    <a:pt x="58681" y="50809"/>
                    <a:pt x="57250" y="49378"/>
                    <a:pt x="55819" y="47947"/>
                  </a:cubicBezTo>
                  <a:cubicBezTo>
                    <a:pt x="54388" y="46516"/>
                    <a:pt x="52956" y="45084"/>
                    <a:pt x="50810" y="44369"/>
                  </a:cubicBezTo>
                  <a:cubicBezTo>
                    <a:pt x="48663" y="43653"/>
                    <a:pt x="46516" y="42938"/>
                    <a:pt x="44369" y="42222"/>
                  </a:cubicBezTo>
                  <a:lnTo>
                    <a:pt x="44369" y="42222"/>
                  </a:lnTo>
                  <a:cubicBezTo>
                    <a:pt x="47947" y="40791"/>
                    <a:pt x="50810" y="39359"/>
                    <a:pt x="53672" y="36497"/>
                  </a:cubicBezTo>
                  <a:cubicBezTo>
                    <a:pt x="55819" y="33634"/>
                    <a:pt x="57250" y="30056"/>
                    <a:pt x="57250" y="25763"/>
                  </a:cubicBezTo>
                  <a:cubicBezTo>
                    <a:pt x="57250" y="22184"/>
                    <a:pt x="56535" y="18606"/>
                    <a:pt x="55103" y="16459"/>
                  </a:cubicBezTo>
                  <a:cubicBezTo>
                    <a:pt x="53672" y="13597"/>
                    <a:pt x="51525" y="12166"/>
                    <a:pt x="48663" y="10734"/>
                  </a:cubicBezTo>
                  <a:cubicBezTo>
                    <a:pt x="45800" y="9303"/>
                    <a:pt x="43653" y="7872"/>
                    <a:pt x="40075" y="7872"/>
                  </a:cubicBezTo>
                  <a:cubicBezTo>
                    <a:pt x="37213" y="7156"/>
                    <a:pt x="33634" y="7156"/>
                    <a:pt x="30772" y="7156"/>
                  </a:cubicBezTo>
                  <a:lnTo>
                    <a:pt x="0" y="7156"/>
                  </a:lnTo>
                  <a:lnTo>
                    <a:pt x="0" y="83728"/>
                  </a:lnTo>
                  <a:lnTo>
                    <a:pt x="30772" y="83728"/>
                  </a:lnTo>
                  <a:cubicBezTo>
                    <a:pt x="34350" y="83728"/>
                    <a:pt x="37928" y="83013"/>
                    <a:pt x="41506" y="82297"/>
                  </a:cubicBezTo>
                  <a:cubicBezTo>
                    <a:pt x="45085" y="81581"/>
                    <a:pt x="47947" y="80150"/>
                    <a:pt x="50810" y="78719"/>
                  </a:cubicBezTo>
                  <a:cubicBezTo>
                    <a:pt x="53672" y="77288"/>
                    <a:pt x="55819" y="74425"/>
                    <a:pt x="57250" y="71563"/>
                  </a:cubicBezTo>
                  <a:cubicBezTo>
                    <a:pt x="58681" y="68700"/>
                    <a:pt x="59397" y="65122"/>
                    <a:pt x="59397" y="60828"/>
                  </a:cubicBezTo>
                  <a:cubicBezTo>
                    <a:pt x="60113" y="57250"/>
                    <a:pt x="60113" y="55103"/>
                    <a:pt x="59397" y="52956"/>
                  </a:cubicBezTo>
                </a:path>
              </a:pathLst>
            </a:custGeom>
            <a:solidFill>
              <a:srgbClr val="01567A"/>
            </a:solidFill>
            <a:ln w="7121" cap="flat">
              <a:noFill/>
              <a:prstDash val="solid"/>
              <a:miter/>
            </a:ln>
          </p:spPr>
          <p:txBody>
            <a:bodyPr rtlCol="0" anchor="ctr"/>
            <a:lstStyle/>
            <a:p>
              <a:endParaRPr lang="en-IN"/>
            </a:p>
          </p:txBody>
        </p:sp>
        <p:sp>
          <p:nvSpPr>
            <p:cNvPr id="53" name="Freeform: Shape 52">
              <a:extLst>
                <a:ext uri="{FF2B5EF4-FFF2-40B4-BE49-F238E27FC236}">
                  <a16:creationId xmlns:a16="http://schemas.microsoft.com/office/drawing/2014/main" id="{11B356CB-709E-0F2B-2CEC-A00EA78C9DBB}"/>
                </a:ext>
              </a:extLst>
            </p:cNvPr>
            <p:cNvSpPr/>
            <p:nvPr/>
          </p:nvSpPr>
          <p:spPr>
            <a:xfrm>
              <a:off x="2831176" y="3124087"/>
              <a:ext cx="1016190" cy="123087"/>
            </a:xfrm>
            <a:custGeom>
              <a:avLst/>
              <a:gdLst>
                <a:gd name="connsiteX0" fmla="*/ 1016191 w 1016190"/>
                <a:gd name="connsiteY0" fmla="*/ 120941 h 123087"/>
                <a:gd name="connsiteX1" fmla="*/ 1016191 w 1016190"/>
                <a:gd name="connsiteY1" fmla="*/ 96610 h 123087"/>
                <a:gd name="connsiteX2" fmla="*/ 961803 w 1016190"/>
                <a:gd name="connsiteY2" fmla="*/ 96610 h 123087"/>
                <a:gd name="connsiteX3" fmla="*/ 961803 w 1016190"/>
                <a:gd name="connsiteY3" fmla="*/ 72278 h 123087"/>
                <a:gd name="connsiteX4" fmla="*/ 1010465 w 1016190"/>
                <a:gd name="connsiteY4" fmla="*/ 72278 h 123087"/>
                <a:gd name="connsiteX5" fmla="*/ 1010465 w 1016190"/>
                <a:gd name="connsiteY5" fmla="*/ 49378 h 123087"/>
                <a:gd name="connsiteX6" fmla="*/ 961803 w 1016190"/>
                <a:gd name="connsiteY6" fmla="*/ 49378 h 123087"/>
                <a:gd name="connsiteX7" fmla="*/ 961803 w 1016190"/>
                <a:gd name="connsiteY7" fmla="*/ 27194 h 123087"/>
                <a:gd name="connsiteX8" fmla="*/ 1013328 w 1016190"/>
                <a:gd name="connsiteY8" fmla="*/ 27194 h 123087"/>
                <a:gd name="connsiteX9" fmla="*/ 1013328 w 1016190"/>
                <a:gd name="connsiteY9" fmla="*/ 3578 h 123087"/>
                <a:gd name="connsiteX10" fmla="*/ 934609 w 1016190"/>
                <a:gd name="connsiteY10" fmla="*/ 3578 h 123087"/>
                <a:gd name="connsiteX11" fmla="*/ 934609 w 1016190"/>
                <a:gd name="connsiteY11" fmla="*/ 120941 h 123087"/>
                <a:gd name="connsiteX12" fmla="*/ 1016191 w 1016190"/>
                <a:gd name="connsiteY12" fmla="*/ 120941 h 123087"/>
                <a:gd name="connsiteX13" fmla="*/ 924590 w 1016190"/>
                <a:gd name="connsiteY13" fmla="*/ 104481 h 123087"/>
                <a:gd name="connsiteX14" fmla="*/ 904553 w 1016190"/>
                <a:gd name="connsiteY14" fmla="*/ 85875 h 123087"/>
                <a:gd name="connsiteX15" fmla="*/ 894534 w 1016190"/>
                <a:gd name="connsiteY15" fmla="*/ 94463 h 123087"/>
                <a:gd name="connsiteX16" fmla="*/ 879506 w 1016190"/>
                <a:gd name="connsiteY16" fmla="*/ 98041 h 123087"/>
                <a:gd name="connsiteX17" fmla="*/ 865909 w 1016190"/>
                <a:gd name="connsiteY17" fmla="*/ 95178 h 123087"/>
                <a:gd name="connsiteX18" fmla="*/ 855174 w 1016190"/>
                <a:gd name="connsiteY18" fmla="*/ 88022 h 123087"/>
                <a:gd name="connsiteX19" fmla="*/ 848018 w 1016190"/>
                <a:gd name="connsiteY19" fmla="*/ 76572 h 123087"/>
                <a:gd name="connsiteX20" fmla="*/ 845871 w 1016190"/>
                <a:gd name="connsiteY20" fmla="*/ 62260 h 123087"/>
                <a:gd name="connsiteX21" fmla="*/ 848018 w 1016190"/>
                <a:gd name="connsiteY21" fmla="*/ 47947 h 123087"/>
                <a:gd name="connsiteX22" fmla="*/ 855174 w 1016190"/>
                <a:gd name="connsiteY22" fmla="*/ 36497 h 123087"/>
                <a:gd name="connsiteX23" fmla="*/ 865909 w 1016190"/>
                <a:gd name="connsiteY23" fmla="*/ 28625 h 123087"/>
                <a:gd name="connsiteX24" fmla="*/ 879506 w 1016190"/>
                <a:gd name="connsiteY24" fmla="*/ 25763 h 123087"/>
                <a:gd name="connsiteX25" fmla="*/ 893103 w 1016190"/>
                <a:gd name="connsiteY25" fmla="*/ 28625 h 123087"/>
                <a:gd name="connsiteX26" fmla="*/ 903837 w 1016190"/>
                <a:gd name="connsiteY26" fmla="*/ 36497 h 123087"/>
                <a:gd name="connsiteX27" fmla="*/ 923159 w 1016190"/>
                <a:gd name="connsiteY27" fmla="*/ 17175 h 123087"/>
                <a:gd name="connsiteX28" fmla="*/ 903837 w 1016190"/>
                <a:gd name="connsiteY28" fmla="*/ 4294 h 123087"/>
                <a:gd name="connsiteX29" fmla="*/ 879506 w 1016190"/>
                <a:gd name="connsiteY29" fmla="*/ 0 h 123087"/>
                <a:gd name="connsiteX30" fmla="*/ 854459 w 1016190"/>
                <a:gd name="connsiteY30" fmla="*/ 4294 h 123087"/>
                <a:gd name="connsiteX31" fmla="*/ 834421 w 1016190"/>
                <a:gd name="connsiteY31" fmla="*/ 16459 h 123087"/>
                <a:gd name="connsiteX32" fmla="*/ 820824 w 1016190"/>
                <a:gd name="connsiteY32" fmla="*/ 35781 h 123087"/>
                <a:gd name="connsiteX33" fmla="*/ 815815 w 1016190"/>
                <a:gd name="connsiteY33" fmla="*/ 61544 h 123087"/>
                <a:gd name="connsiteX34" fmla="*/ 820824 w 1016190"/>
                <a:gd name="connsiteY34" fmla="*/ 86591 h 123087"/>
                <a:gd name="connsiteX35" fmla="*/ 834421 w 1016190"/>
                <a:gd name="connsiteY35" fmla="*/ 105913 h 123087"/>
                <a:gd name="connsiteX36" fmla="*/ 854459 w 1016190"/>
                <a:gd name="connsiteY36" fmla="*/ 118794 h 123087"/>
                <a:gd name="connsiteX37" fmla="*/ 879506 w 1016190"/>
                <a:gd name="connsiteY37" fmla="*/ 123088 h 123087"/>
                <a:gd name="connsiteX38" fmla="*/ 905984 w 1016190"/>
                <a:gd name="connsiteY38" fmla="*/ 118078 h 123087"/>
                <a:gd name="connsiteX39" fmla="*/ 924590 w 1016190"/>
                <a:gd name="connsiteY39" fmla="*/ 104481 h 123087"/>
                <a:gd name="connsiteX40" fmla="*/ 799355 w 1016190"/>
                <a:gd name="connsiteY40" fmla="*/ 120941 h 123087"/>
                <a:gd name="connsiteX41" fmla="*/ 799355 w 1016190"/>
                <a:gd name="connsiteY41" fmla="*/ 3578 h 123087"/>
                <a:gd name="connsiteX42" fmla="*/ 772162 w 1016190"/>
                <a:gd name="connsiteY42" fmla="*/ 3578 h 123087"/>
                <a:gd name="connsiteX43" fmla="*/ 772877 w 1016190"/>
                <a:gd name="connsiteY43" fmla="*/ 80150 h 123087"/>
                <a:gd name="connsiteX44" fmla="*/ 772162 w 1016190"/>
                <a:gd name="connsiteY44" fmla="*/ 80150 h 123087"/>
                <a:gd name="connsiteX45" fmla="*/ 724930 w 1016190"/>
                <a:gd name="connsiteY45" fmla="*/ 3578 h 123087"/>
                <a:gd name="connsiteX46" fmla="*/ 692727 w 1016190"/>
                <a:gd name="connsiteY46" fmla="*/ 3578 h 123087"/>
                <a:gd name="connsiteX47" fmla="*/ 692727 w 1016190"/>
                <a:gd name="connsiteY47" fmla="*/ 120941 h 123087"/>
                <a:gd name="connsiteX48" fmla="*/ 719921 w 1016190"/>
                <a:gd name="connsiteY48" fmla="*/ 120941 h 123087"/>
                <a:gd name="connsiteX49" fmla="*/ 719205 w 1016190"/>
                <a:gd name="connsiteY49" fmla="*/ 44369 h 123087"/>
                <a:gd name="connsiteX50" fmla="*/ 719921 w 1016190"/>
                <a:gd name="connsiteY50" fmla="*/ 44369 h 123087"/>
                <a:gd name="connsiteX51" fmla="*/ 767152 w 1016190"/>
                <a:gd name="connsiteY51" fmla="*/ 120941 h 123087"/>
                <a:gd name="connsiteX52" fmla="*/ 799355 w 1016190"/>
                <a:gd name="connsiteY52" fmla="*/ 120941 h 123087"/>
                <a:gd name="connsiteX53" fmla="*/ 674121 w 1016190"/>
                <a:gd name="connsiteY53" fmla="*/ 120941 h 123087"/>
                <a:gd name="connsiteX54" fmla="*/ 674121 w 1016190"/>
                <a:gd name="connsiteY54" fmla="*/ 96610 h 123087"/>
                <a:gd name="connsiteX55" fmla="*/ 619733 w 1016190"/>
                <a:gd name="connsiteY55" fmla="*/ 96610 h 123087"/>
                <a:gd name="connsiteX56" fmla="*/ 619733 w 1016190"/>
                <a:gd name="connsiteY56" fmla="*/ 72278 h 123087"/>
                <a:gd name="connsiteX57" fmla="*/ 668396 w 1016190"/>
                <a:gd name="connsiteY57" fmla="*/ 72278 h 123087"/>
                <a:gd name="connsiteX58" fmla="*/ 668396 w 1016190"/>
                <a:gd name="connsiteY58" fmla="*/ 49378 h 123087"/>
                <a:gd name="connsiteX59" fmla="*/ 619733 w 1016190"/>
                <a:gd name="connsiteY59" fmla="*/ 49378 h 123087"/>
                <a:gd name="connsiteX60" fmla="*/ 619733 w 1016190"/>
                <a:gd name="connsiteY60" fmla="*/ 27194 h 123087"/>
                <a:gd name="connsiteX61" fmla="*/ 671258 w 1016190"/>
                <a:gd name="connsiteY61" fmla="*/ 27194 h 123087"/>
                <a:gd name="connsiteX62" fmla="*/ 671258 w 1016190"/>
                <a:gd name="connsiteY62" fmla="*/ 3578 h 123087"/>
                <a:gd name="connsiteX63" fmla="*/ 592539 w 1016190"/>
                <a:gd name="connsiteY63" fmla="*/ 3578 h 123087"/>
                <a:gd name="connsiteX64" fmla="*/ 592539 w 1016190"/>
                <a:gd name="connsiteY64" fmla="*/ 120941 h 123087"/>
                <a:gd name="connsiteX65" fmla="*/ 674121 w 1016190"/>
                <a:gd name="connsiteY65" fmla="*/ 120941 h 123087"/>
                <a:gd name="connsiteX66" fmla="*/ 581805 w 1016190"/>
                <a:gd name="connsiteY66" fmla="*/ 120941 h 123087"/>
                <a:gd name="connsiteX67" fmla="*/ 581805 w 1016190"/>
                <a:gd name="connsiteY67" fmla="*/ 95894 h 123087"/>
                <a:gd name="connsiteX68" fmla="*/ 536720 w 1016190"/>
                <a:gd name="connsiteY68" fmla="*/ 95894 h 123087"/>
                <a:gd name="connsiteX69" fmla="*/ 536720 w 1016190"/>
                <a:gd name="connsiteY69" fmla="*/ 3578 h 123087"/>
                <a:gd name="connsiteX70" fmla="*/ 508095 w 1016190"/>
                <a:gd name="connsiteY70" fmla="*/ 3578 h 123087"/>
                <a:gd name="connsiteX71" fmla="*/ 508095 w 1016190"/>
                <a:gd name="connsiteY71" fmla="*/ 120941 h 123087"/>
                <a:gd name="connsiteX72" fmla="*/ 581805 w 1016190"/>
                <a:gd name="connsiteY72" fmla="*/ 120941 h 123087"/>
                <a:gd name="connsiteX73" fmla="*/ 497361 w 1016190"/>
                <a:gd name="connsiteY73" fmla="*/ 120941 h 123087"/>
                <a:gd name="connsiteX74" fmla="*/ 497361 w 1016190"/>
                <a:gd name="connsiteY74" fmla="*/ 95894 h 123087"/>
                <a:gd name="connsiteX75" fmla="*/ 452276 w 1016190"/>
                <a:gd name="connsiteY75" fmla="*/ 95894 h 123087"/>
                <a:gd name="connsiteX76" fmla="*/ 452276 w 1016190"/>
                <a:gd name="connsiteY76" fmla="*/ 3578 h 123087"/>
                <a:gd name="connsiteX77" fmla="*/ 423651 w 1016190"/>
                <a:gd name="connsiteY77" fmla="*/ 3578 h 123087"/>
                <a:gd name="connsiteX78" fmla="*/ 423651 w 1016190"/>
                <a:gd name="connsiteY78" fmla="*/ 120941 h 123087"/>
                <a:gd name="connsiteX79" fmla="*/ 497361 w 1016190"/>
                <a:gd name="connsiteY79" fmla="*/ 120941 h 123087"/>
                <a:gd name="connsiteX80" fmla="*/ 405761 w 1016190"/>
                <a:gd name="connsiteY80" fmla="*/ 120941 h 123087"/>
                <a:gd name="connsiteX81" fmla="*/ 405761 w 1016190"/>
                <a:gd name="connsiteY81" fmla="*/ 96610 h 123087"/>
                <a:gd name="connsiteX82" fmla="*/ 350657 w 1016190"/>
                <a:gd name="connsiteY82" fmla="*/ 96610 h 123087"/>
                <a:gd name="connsiteX83" fmla="*/ 350657 w 1016190"/>
                <a:gd name="connsiteY83" fmla="*/ 72278 h 123087"/>
                <a:gd name="connsiteX84" fmla="*/ 399320 w 1016190"/>
                <a:gd name="connsiteY84" fmla="*/ 72278 h 123087"/>
                <a:gd name="connsiteX85" fmla="*/ 399320 w 1016190"/>
                <a:gd name="connsiteY85" fmla="*/ 49378 h 123087"/>
                <a:gd name="connsiteX86" fmla="*/ 350657 w 1016190"/>
                <a:gd name="connsiteY86" fmla="*/ 49378 h 123087"/>
                <a:gd name="connsiteX87" fmla="*/ 350657 w 1016190"/>
                <a:gd name="connsiteY87" fmla="*/ 27194 h 123087"/>
                <a:gd name="connsiteX88" fmla="*/ 402182 w 1016190"/>
                <a:gd name="connsiteY88" fmla="*/ 27194 h 123087"/>
                <a:gd name="connsiteX89" fmla="*/ 402182 w 1016190"/>
                <a:gd name="connsiteY89" fmla="*/ 3578 h 123087"/>
                <a:gd name="connsiteX90" fmla="*/ 323463 w 1016190"/>
                <a:gd name="connsiteY90" fmla="*/ 3578 h 123087"/>
                <a:gd name="connsiteX91" fmla="*/ 323463 w 1016190"/>
                <a:gd name="connsiteY91" fmla="*/ 120941 h 123087"/>
                <a:gd name="connsiteX92" fmla="*/ 405761 w 1016190"/>
                <a:gd name="connsiteY92" fmla="*/ 120941 h 123087"/>
                <a:gd name="connsiteX93" fmla="*/ 313445 w 1016190"/>
                <a:gd name="connsiteY93" fmla="*/ 104481 h 123087"/>
                <a:gd name="connsiteX94" fmla="*/ 293407 w 1016190"/>
                <a:gd name="connsiteY94" fmla="*/ 85875 h 123087"/>
                <a:gd name="connsiteX95" fmla="*/ 283388 w 1016190"/>
                <a:gd name="connsiteY95" fmla="*/ 94463 h 123087"/>
                <a:gd name="connsiteX96" fmla="*/ 268360 w 1016190"/>
                <a:gd name="connsiteY96" fmla="*/ 98041 h 123087"/>
                <a:gd name="connsiteX97" fmla="*/ 254763 w 1016190"/>
                <a:gd name="connsiteY97" fmla="*/ 95178 h 123087"/>
                <a:gd name="connsiteX98" fmla="*/ 244029 w 1016190"/>
                <a:gd name="connsiteY98" fmla="*/ 88022 h 123087"/>
                <a:gd name="connsiteX99" fmla="*/ 236873 w 1016190"/>
                <a:gd name="connsiteY99" fmla="*/ 76572 h 123087"/>
                <a:gd name="connsiteX100" fmla="*/ 234726 w 1016190"/>
                <a:gd name="connsiteY100" fmla="*/ 62260 h 123087"/>
                <a:gd name="connsiteX101" fmla="*/ 236873 w 1016190"/>
                <a:gd name="connsiteY101" fmla="*/ 47947 h 123087"/>
                <a:gd name="connsiteX102" fmla="*/ 244029 w 1016190"/>
                <a:gd name="connsiteY102" fmla="*/ 36497 h 123087"/>
                <a:gd name="connsiteX103" fmla="*/ 254763 w 1016190"/>
                <a:gd name="connsiteY103" fmla="*/ 28625 h 123087"/>
                <a:gd name="connsiteX104" fmla="*/ 268360 w 1016190"/>
                <a:gd name="connsiteY104" fmla="*/ 25763 h 123087"/>
                <a:gd name="connsiteX105" fmla="*/ 281957 w 1016190"/>
                <a:gd name="connsiteY105" fmla="*/ 28625 h 123087"/>
                <a:gd name="connsiteX106" fmla="*/ 292692 w 1016190"/>
                <a:gd name="connsiteY106" fmla="*/ 36497 h 123087"/>
                <a:gd name="connsiteX107" fmla="*/ 312013 w 1016190"/>
                <a:gd name="connsiteY107" fmla="*/ 17175 h 123087"/>
                <a:gd name="connsiteX108" fmla="*/ 292692 w 1016190"/>
                <a:gd name="connsiteY108" fmla="*/ 4294 h 123087"/>
                <a:gd name="connsiteX109" fmla="*/ 268360 w 1016190"/>
                <a:gd name="connsiteY109" fmla="*/ 0 h 123087"/>
                <a:gd name="connsiteX110" fmla="*/ 243313 w 1016190"/>
                <a:gd name="connsiteY110" fmla="*/ 4294 h 123087"/>
                <a:gd name="connsiteX111" fmla="*/ 223276 w 1016190"/>
                <a:gd name="connsiteY111" fmla="*/ 16459 h 123087"/>
                <a:gd name="connsiteX112" fmla="*/ 209679 w 1016190"/>
                <a:gd name="connsiteY112" fmla="*/ 35781 h 123087"/>
                <a:gd name="connsiteX113" fmla="*/ 204669 w 1016190"/>
                <a:gd name="connsiteY113" fmla="*/ 61544 h 123087"/>
                <a:gd name="connsiteX114" fmla="*/ 209679 w 1016190"/>
                <a:gd name="connsiteY114" fmla="*/ 86591 h 123087"/>
                <a:gd name="connsiteX115" fmla="*/ 223276 w 1016190"/>
                <a:gd name="connsiteY115" fmla="*/ 105913 h 123087"/>
                <a:gd name="connsiteX116" fmla="*/ 243313 w 1016190"/>
                <a:gd name="connsiteY116" fmla="*/ 118794 h 123087"/>
                <a:gd name="connsiteX117" fmla="*/ 268360 w 1016190"/>
                <a:gd name="connsiteY117" fmla="*/ 123088 h 123087"/>
                <a:gd name="connsiteX118" fmla="*/ 294838 w 1016190"/>
                <a:gd name="connsiteY118" fmla="*/ 118078 h 123087"/>
                <a:gd name="connsiteX119" fmla="*/ 313445 w 1016190"/>
                <a:gd name="connsiteY119" fmla="*/ 104481 h 123087"/>
                <a:gd name="connsiteX120" fmla="*/ 207532 w 1016190"/>
                <a:gd name="connsiteY120" fmla="*/ 120941 h 123087"/>
                <a:gd name="connsiteX121" fmla="*/ 165310 w 1016190"/>
                <a:gd name="connsiteY121" fmla="*/ 58681 h 123087"/>
                <a:gd name="connsiteX122" fmla="*/ 202522 w 1016190"/>
                <a:gd name="connsiteY122" fmla="*/ 3578 h 123087"/>
                <a:gd name="connsiteX123" fmla="*/ 169604 w 1016190"/>
                <a:gd name="connsiteY123" fmla="*/ 3578 h 123087"/>
                <a:gd name="connsiteX124" fmla="*/ 148135 w 1016190"/>
                <a:gd name="connsiteY124" fmla="*/ 40075 h 123087"/>
                <a:gd name="connsiteX125" fmla="*/ 125950 w 1016190"/>
                <a:gd name="connsiteY125" fmla="*/ 3578 h 123087"/>
                <a:gd name="connsiteX126" fmla="*/ 91600 w 1016190"/>
                <a:gd name="connsiteY126" fmla="*/ 3578 h 123087"/>
                <a:gd name="connsiteX127" fmla="*/ 129528 w 1016190"/>
                <a:gd name="connsiteY127" fmla="*/ 58681 h 123087"/>
                <a:gd name="connsiteX128" fmla="*/ 88738 w 1016190"/>
                <a:gd name="connsiteY128" fmla="*/ 120941 h 123087"/>
                <a:gd name="connsiteX129" fmla="*/ 122372 w 1016190"/>
                <a:gd name="connsiteY129" fmla="*/ 120941 h 123087"/>
                <a:gd name="connsiteX130" fmla="*/ 146704 w 1016190"/>
                <a:gd name="connsiteY130" fmla="*/ 79435 h 123087"/>
                <a:gd name="connsiteX131" fmla="*/ 172466 w 1016190"/>
                <a:gd name="connsiteY131" fmla="*/ 120941 h 123087"/>
                <a:gd name="connsiteX132" fmla="*/ 207532 w 1016190"/>
                <a:gd name="connsiteY132" fmla="*/ 120941 h 123087"/>
                <a:gd name="connsiteX133" fmla="*/ 81582 w 1016190"/>
                <a:gd name="connsiteY133" fmla="*/ 120941 h 123087"/>
                <a:gd name="connsiteX134" fmla="*/ 81582 w 1016190"/>
                <a:gd name="connsiteY134" fmla="*/ 96610 h 123087"/>
                <a:gd name="connsiteX135" fmla="*/ 27194 w 1016190"/>
                <a:gd name="connsiteY135" fmla="*/ 96610 h 123087"/>
                <a:gd name="connsiteX136" fmla="*/ 27194 w 1016190"/>
                <a:gd name="connsiteY136" fmla="*/ 72278 h 123087"/>
                <a:gd name="connsiteX137" fmla="*/ 75856 w 1016190"/>
                <a:gd name="connsiteY137" fmla="*/ 72278 h 123087"/>
                <a:gd name="connsiteX138" fmla="*/ 75856 w 1016190"/>
                <a:gd name="connsiteY138" fmla="*/ 49378 h 123087"/>
                <a:gd name="connsiteX139" fmla="*/ 27194 w 1016190"/>
                <a:gd name="connsiteY139" fmla="*/ 49378 h 123087"/>
                <a:gd name="connsiteX140" fmla="*/ 27194 w 1016190"/>
                <a:gd name="connsiteY140" fmla="*/ 27194 h 123087"/>
                <a:gd name="connsiteX141" fmla="*/ 78719 w 1016190"/>
                <a:gd name="connsiteY141" fmla="*/ 27194 h 123087"/>
                <a:gd name="connsiteX142" fmla="*/ 78719 w 1016190"/>
                <a:gd name="connsiteY142" fmla="*/ 3578 h 123087"/>
                <a:gd name="connsiteX143" fmla="*/ 0 w 1016190"/>
                <a:gd name="connsiteY143" fmla="*/ 3578 h 123087"/>
                <a:gd name="connsiteX144" fmla="*/ 0 w 1016190"/>
                <a:gd name="connsiteY144" fmla="*/ 120941 h 123087"/>
                <a:gd name="connsiteX145" fmla="*/ 81582 w 1016190"/>
                <a:gd name="connsiteY145" fmla="*/ 120941 h 12308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 ang="0">
                  <a:pos x="connsiteX76" y="connsiteY76"/>
                </a:cxn>
                <a:cxn ang="0">
                  <a:pos x="connsiteX77" y="connsiteY77"/>
                </a:cxn>
                <a:cxn ang="0">
                  <a:pos x="connsiteX78" y="connsiteY78"/>
                </a:cxn>
                <a:cxn ang="0">
                  <a:pos x="connsiteX79" y="connsiteY79"/>
                </a:cxn>
                <a:cxn ang="0">
                  <a:pos x="connsiteX80" y="connsiteY80"/>
                </a:cxn>
                <a:cxn ang="0">
                  <a:pos x="connsiteX81" y="connsiteY81"/>
                </a:cxn>
                <a:cxn ang="0">
                  <a:pos x="connsiteX82" y="connsiteY82"/>
                </a:cxn>
                <a:cxn ang="0">
                  <a:pos x="connsiteX83" y="connsiteY83"/>
                </a:cxn>
                <a:cxn ang="0">
                  <a:pos x="connsiteX84" y="connsiteY84"/>
                </a:cxn>
                <a:cxn ang="0">
                  <a:pos x="connsiteX85" y="connsiteY85"/>
                </a:cxn>
                <a:cxn ang="0">
                  <a:pos x="connsiteX86" y="connsiteY86"/>
                </a:cxn>
                <a:cxn ang="0">
                  <a:pos x="connsiteX87" y="connsiteY87"/>
                </a:cxn>
                <a:cxn ang="0">
                  <a:pos x="connsiteX88" y="connsiteY88"/>
                </a:cxn>
                <a:cxn ang="0">
                  <a:pos x="connsiteX89" y="connsiteY89"/>
                </a:cxn>
                <a:cxn ang="0">
                  <a:pos x="connsiteX90" y="connsiteY90"/>
                </a:cxn>
                <a:cxn ang="0">
                  <a:pos x="connsiteX91" y="connsiteY91"/>
                </a:cxn>
                <a:cxn ang="0">
                  <a:pos x="connsiteX92" y="connsiteY92"/>
                </a:cxn>
                <a:cxn ang="0">
                  <a:pos x="connsiteX93" y="connsiteY93"/>
                </a:cxn>
                <a:cxn ang="0">
                  <a:pos x="connsiteX94" y="connsiteY94"/>
                </a:cxn>
                <a:cxn ang="0">
                  <a:pos x="connsiteX95" y="connsiteY95"/>
                </a:cxn>
                <a:cxn ang="0">
                  <a:pos x="connsiteX96" y="connsiteY96"/>
                </a:cxn>
                <a:cxn ang="0">
                  <a:pos x="connsiteX97" y="connsiteY97"/>
                </a:cxn>
                <a:cxn ang="0">
                  <a:pos x="connsiteX98" y="connsiteY98"/>
                </a:cxn>
                <a:cxn ang="0">
                  <a:pos x="connsiteX99" y="connsiteY99"/>
                </a:cxn>
                <a:cxn ang="0">
                  <a:pos x="connsiteX100" y="connsiteY100"/>
                </a:cxn>
                <a:cxn ang="0">
                  <a:pos x="connsiteX101" y="connsiteY101"/>
                </a:cxn>
                <a:cxn ang="0">
                  <a:pos x="connsiteX102" y="connsiteY102"/>
                </a:cxn>
                <a:cxn ang="0">
                  <a:pos x="connsiteX103" y="connsiteY103"/>
                </a:cxn>
                <a:cxn ang="0">
                  <a:pos x="connsiteX104" y="connsiteY104"/>
                </a:cxn>
                <a:cxn ang="0">
                  <a:pos x="connsiteX105" y="connsiteY105"/>
                </a:cxn>
                <a:cxn ang="0">
                  <a:pos x="connsiteX106" y="connsiteY106"/>
                </a:cxn>
                <a:cxn ang="0">
                  <a:pos x="connsiteX107" y="connsiteY107"/>
                </a:cxn>
                <a:cxn ang="0">
                  <a:pos x="connsiteX108" y="connsiteY108"/>
                </a:cxn>
                <a:cxn ang="0">
                  <a:pos x="connsiteX109" y="connsiteY109"/>
                </a:cxn>
                <a:cxn ang="0">
                  <a:pos x="connsiteX110" y="connsiteY110"/>
                </a:cxn>
                <a:cxn ang="0">
                  <a:pos x="connsiteX111" y="connsiteY111"/>
                </a:cxn>
                <a:cxn ang="0">
                  <a:pos x="connsiteX112" y="connsiteY112"/>
                </a:cxn>
                <a:cxn ang="0">
                  <a:pos x="connsiteX113" y="connsiteY113"/>
                </a:cxn>
                <a:cxn ang="0">
                  <a:pos x="connsiteX114" y="connsiteY114"/>
                </a:cxn>
                <a:cxn ang="0">
                  <a:pos x="connsiteX115" y="connsiteY115"/>
                </a:cxn>
                <a:cxn ang="0">
                  <a:pos x="connsiteX116" y="connsiteY116"/>
                </a:cxn>
                <a:cxn ang="0">
                  <a:pos x="connsiteX117" y="connsiteY117"/>
                </a:cxn>
                <a:cxn ang="0">
                  <a:pos x="connsiteX118" y="connsiteY118"/>
                </a:cxn>
                <a:cxn ang="0">
                  <a:pos x="connsiteX119" y="connsiteY119"/>
                </a:cxn>
                <a:cxn ang="0">
                  <a:pos x="connsiteX120" y="connsiteY120"/>
                </a:cxn>
                <a:cxn ang="0">
                  <a:pos x="connsiteX121" y="connsiteY121"/>
                </a:cxn>
                <a:cxn ang="0">
                  <a:pos x="connsiteX122" y="connsiteY122"/>
                </a:cxn>
                <a:cxn ang="0">
                  <a:pos x="connsiteX123" y="connsiteY123"/>
                </a:cxn>
                <a:cxn ang="0">
                  <a:pos x="connsiteX124" y="connsiteY124"/>
                </a:cxn>
                <a:cxn ang="0">
                  <a:pos x="connsiteX125" y="connsiteY125"/>
                </a:cxn>
                <a:cxn ang="0">
                  <a:pos x="connsiteX126" y="connsiteY126"/>
                </a:cxn>
                <a:cxn ang="0">
                  <a:pos x="connsiteX127" y="connsiteY127"/>
                </a:cxn>
                <a:cxn ang="0">
                  <a:pos x="connsiteX128" y="connsiteY128"/>
                </a:cxn>
                <a:cxn ang="0">
                  <a:pos x="connsiteX129" y="connsiteY129"/>
                </a:cxn>
                <a:cxn ang="0">
                  <a:pos x="connsiteX130" y="connsiteY130"/>
                </a:cxn>
                <a:cxn ang="0">
                  <a:pos x="connsiteX131" y="connsiteY131"/>
                </a:cxn>
                <a:cxn ang="0">
                  <a:pos x="connsiteX132" y="connsiteY132"/>
                </a:cxn>
                <a:cxn ang="0">
                  <a:pos x="connsiteX133" y="connsiteY133"/>
                </a:cxn>
                <a:cxn ang="0">
                  <a:pos x="connsiteX134" y="connsiteY134"/>
                </a:cxn>
                <a:cxn ang="0">
                  <a:pos x="connsiteX135" y="connsiteY135"/>
                </a:cxn>
                <a:cxn ang="0">
                  <a:pos x="connsiteX136" y="connsiteY136"/>
                </a:cxn>
                <a:cxn ang="0">
                  <a:pos x="connsiteX137" y="connsiteY137"/>
                </a:cxn>
                <a:cxn ang="0">
                  <a:pos x="connsiteX138" y="connsiteY138"/>
                </a:cxn>
                <a:cxn ang="0">
                  <a:pos x="connsiteX139" y="connsiteY139"/>
                </a:cxn>
                <a:cxn ang="0">
                  <a:pos x="connsiteX140" y="connsiteY140"/>
                </a:cxn>
                <a:cxn ang="0">
                  <a:pos x="connsiteX141" y="connsiteY141"/>
                </a:cxn>
                <a:cxn ang="0">
                  <a:pos x="connsiteX142" y="connsiteY142"/>
                </a:cxn>
                <a:cxn ang="0">
                  <a:pos x="connsiteX143" y="connsiteY143"/>
                </a:cxn>
                <a:cxn ang="0">
                  <a:pos x="connsiteX144" y="connsiteY144"/>
                </a:cxn>
                <a:cxn ang="0">
                  <a:pos x="connsiteX145" y="connsiteY145"/>
                </a:cxn>
              </a:cxnLst>
              <a:rect l="l" t="t" r="r" b="b"/>
              <a:pathLst>
                <a:path w="1016190" h="123087">
                  <a:moveTo>
                    <a:pt x="1016191" y="120941"/>
                  </a:moveTo>
                  <a:lnTo>
                    <a:pt x="1016191" y="96610"/>
                  </a:lnTo>
                  <a:lnTo>
                    <a:pt x="961803" y="96610"/>
                  </a:lnTo>
                  <a:lnTo>
                    <a:pt x="961803" y="72278"/>
                  </a:lnTo>
                  <a:lnTo>
                    <a:pt x="1010465" y="72278"/>
                  </a:lnTo>
                  <a:lnTo>
                    <a:pt x="1010465" y="49378"/>
                  </a:lnTo>
                  <a:lnTo>
                    <a:pt x="961803" y="49378"/>
                  </a:lnTo>
                  <a:lnTo>
                    <a:pt x="961803" y="27194"/>
                  </a:lnTo>
                  <a:lnTo>
                    <a:pt x="1013328" y="27194"/>
                  </a:lnTo>
                  <a:lnTo>
                    <a:pt x="1013328" y="3578"/>
                  </a:lnTo>
                  <a:lnTo>
                    <a:pt x="934609" y="3578"/>
                  </a:lnTo>
                  <a:lnTo>
                    <a:pt x="934609" y="120941"/>
                  </a:lnTo>
                  <a:cubicBezTo>
                    <a:pt x="934609" y="120941"/>
                    <a:pt x="1016191" y="120941"/>
                    <a:pt x="1016191" y="120941"/>
                  </a:cubicBezTo>
                  <a:close/>
                  <a:moveTo>
                    <a:pt x="924590" y="104481"/>
                  </a:moveTo>
                  <a:lnTo>
                    <a:pt x="904553" y="85875"/>
                  </a:lnTo>
                  <a:cubicBezTo>
                    <a:pt x="901690" y="89453"/>
                    <a:pt x="898828" y="92316"/>
                    <a:pt x="894534" y="94463"/>
                  </a:cubicBezTo>
                  <a:cubicBezTo>
                    <a:pt x="890240" y="96610"/>
                    <a:pt x="885231" y="98041"/>
                    <a:pt x="879506" y="98041"/>
                  </a:cubicBezTo>
                  <a:cubicBezTo>
                    <a:pt x="874496" y="98041"/>
                    <a:pt x="870203" y="97325"/>
                    <a:pt x="865909" y="95178"/>
                  </a:cubicBezTo>
                  <a:cubicBezTo>
                    <a:pt x="861615" y="93747"/>
                    <a:pt x="858037" y="90885"/>
                    <a:pt x="855174" y="88022"/>
                  </a:cubicBezTo>
                  <a:cubicBezTo>
                    <a:pt x="852312" y="85160"/>
                    <a:pt x="850165" y="80866"/>
                    <a:pt x="848018" y="76572"/>
                  </a:cubicBezTo>
                  <a:cubicBezTo>
                    <a:pt x="846587" y="72278"/>
                    <a:pt x="845871" y="67269"/>
                    <a:pt x="845871" y="62260"/>
                  </a:cubicBezTo>
                  <a:cubicBezTo>
                    <a:pt x="845871" y="57250"/>
                    <a:pt x="846587" y="52241"/>
                    <a:pt x="848018" y="47947"/>
                  </a:cubicBezTo>
                  <a:cubicBezTo>
                    <a:pt x="849449" y="43653"/>
                    <a:pt x="852312" y="40075"/>
                    <a:pt x="855174" y="36497"/>
                  </a:cubicBezTo>
                  <a:cubicBezTo>
                    <a:pt x="858037" y="33634"/>
                    <a:pt x="861615" y="30772"/>
                    <a:pt x="865909" y="28625"/>
                  </a:cubicBezTo>
                  <a:cubicBezTo>
                    <a:pt x="870203" y="26478"/>
                    <a:pt x="874496" y="25763"/>
                    <a:pt x="879506" y="25763"/>
                  </a:cubicBezTo>
                  <a:cubicBezTo>
                    <a:pt x="883800" y="25763"/>
                    <a:pt x="888809" y="26478"/>
                    <a:pt x="893103" y="28625"/>
                  </a:cubicBezTo>
                  <a:cubicBezTo>
                    <a:pt x="897396" y="30056"/>
                    <a:pt x="900975" y="32919"/>
                    <a:pt x="903837" y="36497"/>
                  </a:cubicBezTo>
                  <a:lnTo>
                    <a:pt x="923159" y="17175"/>
                  </a:lnTo>
                  <a:cubicBezTo>
                    <a:pt x="918150" y="11450"/>
                    <a:pt x="911709" y="7156"/>
                    <a:pt x="903837" y="4294"/>
                  </a:cubicBezTo>
                  <a:cubicBezTo>
                    <a:pt x="895965" y="1431"/>
                    <a:pt x="887378" y="0"/>
                    <a:pt x="879506" y="0"/>
                  </a:cubicBezTo>
                  <a:cubicBezTo>
                    <a:pt x="870918" y="0"/>
                    <a:pt x="862331" y="1431"/>
                    <a:pt x="854459" y="4294"/>
                  </a:cubicBezTo>
                  <a:cubicBezTo>
                    <a:pt x="846587" y="7156"/>
                    <a:pt x="840146" y="11450"/>
                    <a:pt x="834421" y="16459"/>
                  </a:cubicBezTo>
                  <a:cubicBezTo>
                    <a:pt x="828696" y="21469"/>
                    <a:pt x="824402" y="28625"/>
                    <a:pt x="820824" y="35781"/>
                  </a:cubicBezTo>
                  <a:cubicBezTo>
                    <a:pt x="817246" y="43653"/>
                    <a:pt x="815815" y="52241"/>
                    <a:pt x="815815" y="61544"/>
                  </a:cubicBezTo>
                  <a:cubicBezTo>
                    <a:pt x="815815" y="70847"/>
                    <a:pt x="817246" y="79435"/>
                    <a:pt x="820824" y="86591"/>
                  </a:cubicBezTo>
                  <a:cubicBezTo>
                    <a:pt x="823687" y="94463"/>
                    <a:pt x="828696" y="100903"/>
                    <a:pt x="834421" y="105913"/>
                  </a:cubicBezTo>
                  <a:cubicBezTo>
                    <a:pt x="840146" y="111638"/>
                    <a:pt x="846587" y="115931"/>
                    <a:pt x="854459" y="118794"/>
                  </a:cubicBezTo>
                  <a:cubicBezTo>
                    <a:pt x="862331" y="121657"/>
                    <a:pt x="870203" y="123088"/>
                    <a:pt x="879506" y="123088"/>
                  </a:cubicBezTo>
                  <a:cubicBezTo>
                    <a:pt x="889525" y="123088"/>
                    <a:pt x="898112" y="121657"/>
                    <a:pt x="905984" y="118078"/>
                  </a:cubicBezTo>
                  <a:cubicBezTo>
                    <a:pt x="912425" y="115216"/>
                    <a:pt x="918865" y="110922"/>
                    <a:pt x="924590" y="104481"/>
                  </a:cubicBezTo>
                  <a:moveTo>
                    <a:pt x="799355" y="120941"/>
                  </a:moveTo>
                  <a:lnTo>
                    <a:pt x="799355" y="3578"/>
                  </a:lnTo>
                  <a:lnTo>
                    <a:pt x="772162" y="3578"/>
                  </a:lnTo>
                  <a:lnTo>
                    <a:pt x="772877" y="80150"/>
                  </a:lnTo>
                  <a:lnTo>
                    <a:pt x="772162" y="80150"/>
                  </a:lnTo>
                  <a:lnTo>
                    <a:pt x="724930" y="3578"/>
                  </a:lnTo>
                  <a:lnTo>
                    <a:pt x="692727" y="3578"/>
                  </a:lnTo>
                  <a:lnTo>
                    <a:pt x="692727" y="120941"/>
                  </a:lnTo>
                  <a:lnTo>
                    <a:pt x="719921" y="120941"/>
                  </a:lnTo>
                  <a:lnTo>
                    <a:pt x="719205" y="44369"/>
                  </a:lnTo>
                  <a:lnTo>
                    <a:pt x="719921" y="44369"/>
                  </a:lnTo>
                  <a:lnTo>
                    <a:pt x="767152" y="120941"/>
                  </a:lnTo>
                  <a:lnTo>
                    <a:pt x="799355" y="120941"/>
                  </a:lnTo>
                  <a:close/>
                  <a:moveTo>
                    <a:pt x="674121" y="120941"/>
                  </a:moveTo>
                  <a:lnTo>
                    <a:pt x="674121" y="96610"/>
                  </a:lnTo>
                  <a:lnTo>
                    <a:pt x="619733" y="96610"/>
                  </a:lnTo>
                  <a:lnTo>
                    <a:pt x="619733" y="72278"/>
                  </a:lnTo>
                  <a:lnTo>
                    <a:pt x="668396" y="72278"/>
                  </a:lnTo>
                  <a:lnTo>
                    <a:pt x="668396" y="49378"/>
                  </a:lnTo>
                  <a:lnTo>
                    <a:pt x="619733" y="49378"/>
                  </a:lnTo>
                  <a:lnTo>
                    <a:pt x="619733" y="27194"/>
                  </a:lnTo>
                  <a:lnTo>
                    <a:pt x="671258" y="27194"/>
                  </a:lnTo>
                  <a:lnTo>
                    <a:pt x="671258" y="3578"/>
                  </a:lnTo>
                  <a:lnTo>
                    <a:pt x="592539" y="3578"/>
                  </a:lnTo>
                  <a:lnTo>
                    <a:pt x="592539" y="120941"/>
                  </a:lnTo>
                  <a:cubicBezTo>
                    <a:pt x="592539" y="120941"/>
                    <a:pt x="674121" y="120941"/>
                    <a:pt x="674121" y="120941"/>
                  </a:cubicBezTo>
                  <a:close/>
                  <a:moveTo>
                    <a:pt x="581805" y="120941"/>
                  </a:moveTo>
                  <a:lnTo>
                    <a:pt x="581805" y="95894"/>
                  </a:lnTo>
                  <a:lnTo>
                    <a:pt x="536720" y="95894"/>
                  </a:lnTo>
                  <a:lnTo>
                    <a:pt x="536720" y="3578"/>
                  </a:lnTo>
                  <a:lnTo>
                    <a:pt x="508095" y="3578"/>
                  </a:lnTo>
                  <a:lnTo>
                    <a:pt x="508095" y="120941"/>
                  </a:lnTo>
                  <a:lnTo>
                    <a:pt x="581805" y="120941"/>
                  </a:lnTo>
                  <a:close/>
                  <a:moveTo>
                    <a:pt x="497361" y="120941"/>
                  </a:moveTo>
                  <a:lnTo>
                    <a:pt x="497361" y="95894"/>
                  </a:lnTo>
                  <a:lnTo>
                    <a:pt x="452276" y="95894"/>
                  </a:lnTo>
                  <a:lnTo>
                    <a:pt x="452276" y="3578"/>
                  </a:lnTo>
                  <a:lnTo>
                    <a:pt x="423651" y="3578"/>
                  </a:lnTo>
                  <a:lnTo>
                    <a:pt x="423651" y="120941"/>
                  </a:lnTo>
                  <a:lnTo>
                    <a:pt x="497361" y="120941"/>
                  </a:lnTo>
                  <a:close/>
                  <a:moveTo>
                    <a:pt x="405761" y="120941"/>
                  </a:moveTo>
                  <a:lnTo>
                    <a:pt x="405761" y="96610"/>
                  </a:lnTo>
                  <a:lnTo>
                    <a:pt x="350657" y="96610"/>
                  </a:lnTo>
                  <a:lnTo>
                    <a:pt x="350657" y="72278"/>
                  </a:lnTo>
                  <a:lnTo>
                    <a:pt x="399320" y="72278"/>
                  </a:lnTo>
                  <a:lnTo>
                    <a:pt x="399320" y="49378"/>
                  </a:lnTo>
                  <a:lnTo>
                    <a:pt x="350657" y="49378"/>
                  </a:lnTo>
                  <a:lnTo>
                    <a:pt x="350657" y="27194"/>
                  </a:lnTo>
                  <a:lnTo>
                    <a:pt x="402182" y="27194"/>
                  </a:lnTo>
                  <a:lnTo>
                    <a:pt x="402182" y="3578"/>
                  </a:lnTo>
                  <a:lnTo>
                    <a:pt x="323463" y="3578"/>
                  </a:lnTo>
                  <a:lnTo>
                    <a:pt x="323463" y="120941"/>
                  </a:lnTo>
                  <a:cubicBezTo>
                    <a:pt x="323463" y="120941"/>
                    <a:pt x="405761" y="120941"/>
                    <a:pt x="405761" y="120941"/>
                  </a:cubicBezTo>
                  <a:close/>
                  <a:moveTo>
                    <a:pt x="313445" y="104481"/>
                  </a:moveTo>
                  <a:lnTo>
                    <a:pt x="293407" y="85875"/>
                  </a:lnTo>
                  <a:cubicBezTo>
                    <a:pt x="290545" y="89453"/>
                    <a:pt x="287682" y="92316"/>
                    <a:pt x="283388" y="94463"/>
                  </a:cubicBezTo>
                  <a:cubicBezTo>
                    <a:pt x="279095" y="96610"/>
                    <a:pt x="274085" y="98041"/>
                    <a:pt x="268360" y="98041"/>
                  </a:cubicBezTo>
                  <a:cubicBezTo>
                    <a:pt x="263351" y="98041"/>
                    <a:pt x="259057" y="97325"/>
                    <a:pt x="254763" y="95178"/>
                  </a:cubicBezTo>
                  <a:cubicBezTo>
                    <a:pt x="250469" y="93031"/>
                    <a:pt x="246891" y="90885"/>
                    <a:pt x="244029" y="88022"/>
                  </a:cubicBezTo>
                  <a:cubicBezTo>
                    <a:pt x="241166" y="85160"/>
                    <a:pt x="239019" y="80866"/>
                    <a:pt x="236873" y="76572"/>
                  </a:cubicBezTo>
                  <a:cubicBezTo>
                    <a:pt x="235441" y="72278"/>
                    <a:pt x="234726" y="67269"/>
                    <a:pt x="234726" y="62260"/>
                  </a:cubicBezTo>
                  <a:cubicBezTo>
                    <a:pt x="234726" y="57250"/>
                    <a:pt x="235441" y="52241"/>
                    <a:pt x="236873" y="47947"/>
                  </a:cubicBezTo>
                  <a:cubicBezTo>
                    <a:pt x="238304" y="43653"/>
                    <a:pt x="241166" y="40075"/>
                    <a:pt x="244029" y="36497"/>
                  </a:cubicBezTo>
                  <a:cubicBezTo>
                    <a:pt x="246891" y="33634"/>
                    <a:pt x="250469" y="30772"/>
                    <a:pt x="254763" y="28625"/>
                  </a:cubicBezTo>
                  <a:cubicBezTo>
                    <a:pt x="259057" y="26478"/>
                    <a:pt x="263351" y="25763"/>
                    <a:pt x="268360" y="25763"/>
                  </a:cubicBezTo>
                  <a:cubicBezTo>
                    <a:pt x="272654" y="25763"/>
                    <a:pt x="276948" y="26478"/>
                    <a:pt x="281957" y="28625"/>
                  </a:cubicBezTo>
                  <a:cubicBezTo>
                    <a:pt x="286251" y="30056"/>
                    <a:pt x="289829" y="32919"/>
                    <a:pt x="292692" y="36497"/>
                  </a:cubicBezTo>
                  <a:lnTo>
                    <a:pt x="312013" y="17175"/>
                  </a:lnTo>
                  <a:cubicBezTo>
                    <a:pt x="307004" y="11450"/>
                    <a:pt x="300563" y="7156"/>
                    <a:pt x="292692" y="4294"/>
                  </a:cubicBezTo>
                  <a:cubicBezTo>
                    <a:pt x="284820" y="1431"/>
                    <a:pt x="276232" y="0"/>
                    <a:pt x="268360" y="0"/>
                  </a:cubicBezTo>
                  <a:cubicBezTo>
                    <a:pt x="259773" y="0"/>
                    <a:pt x="251185" y="1431"/>
                    <a:pt x="243313" y="4294"/>
                  </a:cubicBezTo>
                  <a:cubicBezTo>
                    <a:pt x="235441" y="7156"/>
                    <a:pt x="229001" y="11450"/>
                    <a:pt x="223276" y="16459"/>
                  </a:cubicBezTo>
                  <a:cubicBezTo>
                    <a:pt x="217551" y="21469"/>
                    <a:pt x="213257" y="28625"/>
                    <a:pt x="209679" y="35781"/>
                  </a:cubicBezTo>
                  <a:cubicBezTo>
                    <a:pt x="206101" y="43653"/>
                    <a:pt x="204669" y="52241"/>
                    <a:pt x="204669" y="61544"/>
                  </a:cubicBezTo>
                  <a:cubicBezTo>
                    <a:pt x="204669" y="70847"/>
                    <a:pt x="206101" y="79435"/>
                    <a:pt x="209679" y="86591"/>
                  </a:cubicBezTo>
                  <a:cubicBezTo>
                    <a:pt x="212541" y="94463"/>
                    <a:pt x="217551" y="100903"/>
                    <a:pt x="223276" y="105913"/>
                  </a:cubicBezTo>
                  <a:cubicBezTo>
                    <a:pt x="229001" y="111638"/>
                    <a:pt x="235441" y="115931"/>
                    <a:pt x="243313" y="118794"/>
                  </a:cubicBezTo>
                  <a:cubicBezTo>
                    <a:pt x="251185" y="121657"/>
                    <a:pt x="259057" y="123088"/>
                    <a:pt x="268360" y="123088"/>
                  </a:cubicBezTo>
                  <a:cubicBezTo>
                    <a:pt x="278379" y="123088"/>
                    <a:pt x="286966" y="121657"/>
                    <a:pt x="294838" y="118078"/>
                  </a:cubicBezTo>
                  <a:cubicBezTo>
                    <a:pt x="301995" y="115216"/>
                    <a:pt x="308435" y="110922"/>
                    <a:pt x="313445" y="104481"/>
                  </a:cubicBezTo>
                  <a:moveTo>
                    <a:pt x="207532" y="120941"/>
                  </a:moveTo>
                  <a:lnTo>
                    <a:pt x="165310" y="58681"/>
                  </a:lnTo>
                  <a:lnTo>
                    <a:pt x="202522" y="3578"/>
                  </a:lnTo>
                  <a:lnTo>
                    <a:pt x="169604" y="3578"/>
                  </a:lnTo>
                  <a:lnTo>
                    <a:pt x="148135" y="40075"/>
                  </a:lnTo>
                  <a:lnTo>
                    <a:pt x="125950" y="3578"/>
                  </a:lnTo>
                  <a:lnTo>
                    <a:pt x="91600" y="3578"/>
                  </a:lnTo>
                  <a:lnTo>
                    <a:pt x="129528" y="58681"/>
                  </a:lnTo>
                  <a:lnTo>
                    <a:pt x="88738" y="120941"/>
                  </a:lnTo>
                  <a:lnTo>
                    <a:pt x="122372" y="120941"/>
                  </a:lnTo>
                  <a:lnTo>
                    <a:pt x="146704" y="79435"/>
                  </a:lnTo>
                  <a:lnTo>
                    <a:pt x="172466" y="120941"/>
                  </a:lnTo>
                  <a:lnTo>
                    <a:pt x="207532" y="120941"/>
                  </a:lnTo>
                  <a:close/>
                  <a:moveTo>
                    <a:pt x="81582" y="120941"/>
                  </a:moveTo>
                  <a:lnTo>
                    <a:pt x="81582" y="96610"/>
                  </a:lnTo>
                  <a:lnTo>
                    <a:pt x="27194" y="96610"/>
                  </a:lnTo>
                  <a:lnTo>
                    <a:pt x="27194" y="72278"/>
                  </a:lnTo>
                  <a:lnTo>
                    <a:pt x="75856" y="72278"/>
                  </a:lnTo>
                  <a:lnTo>
                    <a:pt x="75856" y="49378"/>
                  </a:lnTo>
                  <a:lnTo>
                    <a:pt x="27194" y="49378"/>
                  </a:lnTo>
                  <a:lnTo>
                    <a:pt x="27194" y="27194"/>
                  </a:lnTo>
                  <a:lnTo>
                    <a:pt x="78719" y="27194"/>
                  </a:lnTo>
                  <a:lnTo>
                    <a:pt x="78719" y="3578"/>
                  </a:lnTo>
                  <a:lnTo>
                    <a:pt x="0" y="3578"/>
                  </a:lnTo>
                  <a:lnTo>
                    <a:pt x="0" y="120941"/>
                  </a:lnTo>
                  <a:cubicBezTo>
                    <a:pt x="0" y="120941"/>
                    <a:pt x="81582" y="120941"/>
                    <a:pt x="81582" y="120941"/>
                  </a:cubicBezTo>
                  <a:close/>
                </a:path>
              </a:pathLst>
            </a:custGeom>
            <a:solidFill>
              <a:srgbClr val="01567A"/>
            </a:solidFill>
            <a:ln w="7121" cap="flat">
              <a:noFill/>
              <a:prstDash val="solid"/>
              <a:miter/>
            </a:ln>
          </p:spPr>
          <p:txBody>
            <a:bodyPr rtlCol="0" anchor="ctr"/>
            <a:lstStyle/>
            <a:p>
              <a:endParaRPr lang="en-IN"/>
            </a:p>
          </p:txBody>
        </p:sp>
        <p:sp>
          <p:nvSpPr>
            <p:cNvPr id="54" name="Freeform: Shape 53">
              <a:extLst>
                <a:ext uri="{FF2B5EF4-FFF2-40B4-BE49-F238E27FC236}">
                  <a16:creationId xmlns:a16="http://schemas.microsoft.com/office/drawing/2014/main" id="{1BDB11AE-9EE0-3372-989D-1620B3A7CB54}"/>
                </a:ext>
              </a:extLst>
            </p:cNvPr>
            <p:cNvSpPr/>
            <p:nvPr/>
          </p:nvSpPr>
          <p:spPr>
            <a:xfrm>
              <a:off x="2829745" y="3262203"/>
              <a:ext cx="719920" cy="123087"/>
            </a:xfrm>
            <a:custGeom>
              <a:avLst/>
              <a:gdLst>
                <a:gd name="connsiteX0" fmla="*/ 719921 w 719920"/>
                <a:gd name="connsiteY0" fmla="*/ 14313 h 123087"/>
                <a:gd name="connsiteX1" fmla="*/ 702030 w 719920"/>
                <a:gd name="connsiteY1" fmla="*/ 3578 h 123087"/>
                <a:gd name="connsiteX2" fmla="*/ 681993 w 719920"/>
                <a:gd name="connsiteY2" fmla="*/ 0 h 123087"/>
                <a:gd name="connsiteX3" fmla="*/ 665533 w 719920"/>
                <a:gd name="connsiteY3" fmla="*/ 2147 h 123087"/>
                <a:gd name="connsiteX4" fmla="*/ 651221 w 719920"/>
                <a:gd name="connsiteY4" fmla="*/ 8588 h 123087"/>
                <a:gd name="connsiteX5" fmla="*/ 640486 w 719920"/>
                <a:gd name="connsiteY5" fmla="*/ 20038 h 123087"/>
                <a:gd name="connsiteX6" fmla="*/ 636192 w 719920"/>
                <a:gd name="connsiteY6" fmla="*/ 36497 h 123087"/>
                <a:gd name="connsiteX7" fmla="*/ 639055 w 719920"/>
                <a:gd name="connsiteY7" fmla="*/ 50094 h 123087"/>
                <a:gd name="connsiteX8" fmla="*/ 645496 w 719920"/>
                <a:gd name="connsiteY8" fmla="*/ 59397 h 123087"/>
                <a:gd name="connsiteX9" fmla="*/ 654799 w 719920"/>
                <a:gd name="connsiteY9" fmla="*/ 65838 h 123087"/>
                <a:gd name="connsiteX10" fmla="*/ 665533 w 719920"/>
                <a:gd name="connsiteY10" fmla="*/ 70131 h 123087"/>
                <a:gd name="connsiteX11" fmla="*/ 675552 w 719920"/>
                <a:gd name="connsiteY11" fmla="*/ 73710 h 123087"/>
                <a:gd name="connsiteX12" fmla="*/ 683424 w 719920"/>
                <a:gd name="connsiteY12" fmla="*/ 77288 h 123087"/>
                <a:gd name="connsiteX13" fmla="*/ 688433 w 719920"/>
                <a:gd name="connsiteY13" fmla="*/ 81581 h 123087"/>
                <a:gd name="connsiteX14" fmla="*/ 689865 w 719920"/>
                <a:gd name="connsiteY14" fmla="*/ 87306 h 123087"/>
                <a:gd name="connsiteX15" fmla="*/ 688433 w 719920"/>
                <a:gd name="connsiteY15" fmla="*/ 93031 h 123087"/>
                <a:gd name="connsiteX16" fmla="*/ 684855 w 719920"/>
                <a:gd name="connsiteY16" fmla="*/ 97325 h 123087"/>
                <a:gd name="connsiteX17" fmla="*/ 679846 w 719920"/>
                <a:gd name="connsiteY17" fmla="*/ 99472 h 123087"/>
                <a:gd name="connsiteX18" fmla="*/ 673405 w 719920"/>
                <a:gd name="connsiteY18" fmla="*/ 100188 h 123087"/>
                <a:gd name="connsiteX19" fmla="*/ 659093 w 719920"/>
                <a:gd name="connsiteY19" fmla="*/ 96610 h 123087"/>
                <a:gd name="connsiteX20" fmla="*/ 647643 w 719920"/>
                <a:gd name="connsiteY20" fmla="*/ 88022 h 123087"/>
                <a:gd name="connsiteX21" fmla="*/ 629036 w 719920"/>
                <a:gd name="connsiteY21" fmla="*/ 106628 h 123087"/>
                <a:gd name="connsiteX22" fmla="*/ 648358 w 719920"/>
                <a:gd name="connsiteY22" fmla="*/ 118794 h 123087"/>
                <a:gd name="connsiteX23" fmla="*/ 672690 w 719920"/>
                <a:gd name="connsiteY23" fmla="*/ 123088 h 123087"/>
                <a:gd name="connsiteX24" fmla="*/ 689149 w 719920"/>
                <a:gd name="connsiteY24" fmla="*/ 120941 h 123087"/>
                <a:gd name="connsiteX25" fmla="*/ 703461 w 719920"/>
                <a:gd name="connsiteY25" fmla="*/ 113785 h 123087"/>
                <a:gd name="connsiteX26" fmla="*/ 713480 w 719920"/>
                <a:gd name="connsiteY26" fmla="*/ 101619 h 123087"/>
                <a:gd name="connsiteX27" fmla="*/ 717058 w 719920"/>
                <a:gd name="connsiteY27" fmla="*/ 84444 h 123087"/>
                <a:gd name="connsiteX28" fmla="*/ 713480 w 719920"/>
                <a:gd name="connsiteY28" fmla="*/ 70131 h 123087"/>
                <a:gd name="connsiteX29" fmla="*/ 704893 w 719920"/>
                <a:gd name="connsiteY29" fmla="*/ 60113 h 123087"/>
                <a:gd name="connsiteX30" fmla="*/ 693443 w 719920"/>
                <a:gd name="connsiteY30" fmla="*/ 53672 h 123087"/>
                <a:gd name="connsiteX31" fmla="*/ 681277 w 719920"/>
                <a:gd name="connsiteY31" fmla="*/ 49378 h 123087"/>
                <a:gd name="connsiteX32" fmla="*/ 674121 w 719920"/>
                <a:gd name="connsiteY32" fmla="*/ 46516 h 123087"/>
                <a:gd name="connsiteX33" fmla="*/ 668396 w 719920"/>
                <a:gd name="connsiteY33" fmla="*/ 43653 h 123087"/>
                <a:gd name="connsiteX34" fmla="*/ 664818 w 719920"/>
                <a:gd name="connsiteY34" fmla="*/ 40075 h 123087"/>
                <a:gd name="connsiteX35" fmla="*/ 663386 w 719920"/>
                <a:gd name="connsiteY35" fmla="*/ 35066 h 123087"/>
                <a:gd name="connsiteX36" fmla="*/ 664818 w 719920"/>
                <a:gd name="connsiteY36" fmla="*/ 29341 h 123087"/>
                <a:gd name="connsiteX37" fmla="*/ 668396 w 719920"/>
                <a:gd name="connsiteY37" fmla="*/ 25763 h 123087"/>
                <a:gd name="connsiteX38" fmla="*/ 673405 w 719920"/>
                <a:gd name="connsiteY38" fmla="*/ 23616 h 123087"/>
                <a:gd name="connsiteX39" fmla="*/ 679130 w 719920"/>
                <a:gd name="connsiteY39" fmla="*/ 22900 h 123087"/>
                <a:gd name="connsiteX40" fmla="*/ 690580 w 719920"/>
                <a:gd name="connsiteY40" fmla="*/ 25763 h 123087"/>
                <a:gd name="connsiteX41" fmla="*/ 699883 w 719920"/>
                <a:gd name="connsiteY41" fmla="*/ 32919 h 123087"/>
                <a:gd name="connsiteX42" fmla="*/ 719921 w 719920"/>
                <a:gd name="connsiteY42" fmla="*/ 14313 h 123087"/>
                <a:gd name="connsiteX43" fmla="*/ 592539 w 719920"/>
                <a:gd name="connsiteY43" fmla="*/ 77288 h 123087"/>
                <a:gd name="connsiteX44" fmla="*/ 583952 w 719920"/>
                <a:gd name="connsiteY44" fmla="*/ 88022 h 123087"/>
                <a:gd name="connsiteX45" fmla="*/ 571786 w 719920"/>
                <a:gd name="connsiteY45" fmla="*/ 93747 h 123087"/>
                <a:gd name="connsiteX46" fmla="*/ 557474 w 719920"/>
                <a:gd name="connsiteY46" fmla="*/ 95178 h 123087"/>
                <a:gd name="connsiteX47" fmla="*/ 543877 w 719920"/>
                <a:gd name="connsiteY47" fmla="*/ 95178 h 123087"/>
                <a:gd name="connsiteX48" fmla="*/ 543877 w 719920"/>
                <a:gd name="connsiteY48" fmla="*/ 26478 h 123087"/>
                <a:gd name="connsiteX49" fmla="*/ 558189 w 719920"/>
                <a:gd name="connsiteY49" fmla="*/ 26478 h 123087"/>
                <a:gd name="connsiteX50" fmla="*/ 572502 w 719920"/>
                <a:gd name="connsiteY50" fmla="*/ 27909 h 123087"/>
                <a:gd name="connsiteX51" fmla="*/ 584667 w 719920"/>
                <a:gd name="connsiteY51" fmla="*/ 33634 h 123087"/>
                <a:gd name="connsiteX52" fmla="*/ 593255 w 719920"/>
                <a:gd name="connsiteY52" fmla="*/ 44369 h 123087"/>
                <a:gd name="connsiteX53" fmla="*/ 596833 w 719920"/>
                <a:gd name="connsiteY53" fmla="*/ 60828 h 123087"/>
                <a:gd name="connsiteX54" fmla="*/ 592539 w 719920"/>
                <a:gd name="connsiteY54" fmla="*/ 77288 h 123087"/>
                <a:gd name="connsiteX55" fmla="*/ 619733 w 719920"/>
                <a:gd name="connsiteY55" fmla="*/ 32919 h 123087"/>
                <a:gd name="connsiteX56" fmla="*/ 604705 w 719920"/>
                <a:gd name="connsiteY56" fmla="*/ 15028 h 123087"/>
                <a:gd name="connsiteX57" fmla="*/ 583236 w 719920"/>
                <a:gd name="connsiteY57" fmla="*/ 5725 h 123087"/>
                <a:gd name="connsiteX58" fmla="*/ 558905 w 719920"/>
                <a:gd name="connsiteY58" fmla="*/ 2863 h 123087"/>
                <a:gd name="connsiteX59" fmla="*/ 516683 w 719920"/>
                <a:gd name="connsiteY59" fmla="*/ 2863 h 123087"/>
                <a:gd name="connsiteX60" fmla="*/ 516683 w 719920"/>
                <a:gd name="connsiteY60" fmla="*/ 120225 h 123087"/>
                <a:gd name="connsiteX61" fmla="*/ 560336 w 719920"/>
                <a:gd name="connsiteY61" fmla="*/ 120225 h 123087"/>
                <a:gd name="connsiteX62" fmla="*/ 583952 w 719920"/>
                <a:gd name="connsiteY62" fmla="*/ 116647 h 123087"/>
                <a:gd name="connsiteX63" fmla="*/ 605420 w 719920"/>
                <a:gd name="connsiteY63" fmla="*/ 105913 h 123087"/>
                <a:gd name="connsiteX64" fmla="*/ 620449 w 719920"/>
                <a:gd name="connsiteY64" fmla="*/ 87306 h 123087"/>
                <a:gd name="connsiteX65" fmla="*/ 626174 w 719920"/>
                <a:gd name="connsiteY65" fmla="*/ 60828 h 123087"/>
                <a:gd name="connsiteX66" fmla="*/ 619733 w 719920"/>
                <a:gd name="connsiteY66" fmla="*/ 32919 h 123087"/>
                <a:gd name="connsiteX67" fmla="*/ 468020 w 719920"/>
                <a:gd name="connsiteY67" fmla="*/ 45800 h 123087"/>
                <a:gd name="connsiteX68" fmla="*/ 463011 w 719920"/>
                <a:gd name="connsiteY68" fmla="*/ 50094 h 123087"/>
                <a:gd name="connsiteX69" fmla="*/ 456570 w 719920"/>
                <a:gd name="connsiteY69" fmla="*/ 52241 h 123087"/>
                <a:gd name="connsiteX70" fmla="*/ 449414 w 719920"/>
                <a:gd name="connsiteY70" fmla="*/ 52956 h 123087"/>
                <a:gd name="connsiteX71" fmla="*/ 435817 w 719920"/>
                <a:gd name="connsiteY71" fmla="*/ 52956 h 123087"/>
                <a:gd name="connsiteX72" fmla="*/ 435817 w 719920"/>
                <a:gd name="connsiteY72" fmla="*/ 25763 h 123087"/>
                <a:gd name="connsiteX73" fmla="*/ 450845 w 719920"/>
                <a:gd name="connsiteY73" fmla="*/ 25763 h 123087"/>
                <a:gd name="connsiteX74" fmla="*/ 457286 w 719920"/>
                <a:gd name="connsiteY74" fmla="*/ 26478 h 123087"/>
                <a:gd name="connsiteX75" fmla="*/ 463726 w 719920"/>
                <a:gd name="connsiteY75" fmla="*/ 28625 h 123087"/>
                <a:gd name="connsiteX76" fmla="*/ 468020 w 719920"/>
                <a:gd name="connsiteY76" fmla="*/ 32919 h 123087"/>
                <a:gd name="connsiteX77" fmla="*/ 469451 w 719920"/>
                <a:gd name="connsiteY77" fmla="*/ 39359 h 123087"/>
                <a:gd name="connsiteX78" fmla="*/ 468020 w 719920"/>
                <a:gd name="connsiteY78" fmla="*/ 45800 h 123087"/>
                <a:gd name="connsiteX79" fmla="*/ 503801 w 719920"/>
                <a:gd name="connsiteY79" fmla="*/ 120225 h 123087"/>
                <a:gd name="connsiteX80" fmla="*/ 473029 w 719920"/>
                <a:gd name="connsiteY80" fmla="*/ 70131 h 123087"/>
                <a:gd name="connsiteX81" fmla="*/ 490920 w 719920"/>
                <a:gd name="connsiteY81" fmla="*/ 58681 h 123087"/>
                <a:gd name="connsiteX82" fmla="*/ 497361 w 719920"/>
                <a:gd name="connsiteY82" fmla="*/ 38644 h 123087"/>
                <a:gd name="connsiteX83" fmla="*/ 493783 w 719920"/>
                <a:gd name="connsiteY83" fmla="*/ 21469 h 123087"/>
                <a:gd name="connsiteX84" fmla="*/ 483764 w 719920"/>
                <a:gd name="connsiteY84" fmla="*/ 10734 h 123087"/>
                <a:gd name="connsiteX85" fmla="*/ 469451 w 719920"/>
                <a:gd name="connsiteY85" fmla="*/ 5009 h 123087"/>
                <a:gd name="connsiteX86" fmla="*/ 452992 w 719920"/>
                <a:gd name="connsiteY86" fmla="*/ 3578 h 123087"/>
                <a:gd name="connsiteX87" fmla="*/ 407907 w 719920"/>
                <a:gd name="connsiteY87" fmla="*/ 3578 h 123087"/>
                <a:gd name="connsiteX88" fmla="*/ 407907 w 719920"/>
                <a:gd name="connsiteY88" fmla="*/ 120941 h 123087"/>
                <a:gd name="connsiteX89" fmla="*/ 435817 w 719920"/>
                <a:gd name="connsiteY89" fmla="*/ 120941 h 123087"/>
                <a:gd name="connsiteX90" fmla="*/ 435817 w 719920"/>
                <a:gd name="connsiteY90" fmla="*/ 74425 h 123087"/>
                <a:gd name="connsiteX91" fmla="*/ 445120 w 719920"/>
                <a:gd name="connsiteY91" fmla="*/ 74425 h 123087"/>
                <a:gd name="connsiteX92" fmla="*/ 470883 w 719920"/>
                <a:gd name="connsiteY92" fmla="*/ 120941 h 123087"/>
                <a:gd name="connsiteX93" fmla="*/ 503801 w 719920"/>
                <a:gd name="connsiteY93" fmla="*/ 120941 h 123087"/>
                <a:gd name="connsiteX94" fmla="*/ 503801 w 719920"/>
                <a:gd name="connsiteY94" fmla="*/ 120225 h 123087"/>
                <a:gd name="connsiteX95" fmla="*/ 350657 w 719920"/>
                <a:gd name="connsiteY95" fmla="*/ 74425 h 123087"/>
                <a:gd name="connsiteX96" fmla="*/ 321317 w 719920"/>
                <a:gd name="connsiteY96" fmla="*/ 74425 h 123087"/>
                <a:gd name="connsiteX97" fmla="*/ 336345 w 719920"/>
                <a:gd name="connsiteY97" fmla="*/ 34350 h 123087"/>
                <a:gd name="connsiteX98" fmla="*/ 350657 w 719920"/>
                <a:gd name="connsiteY98" fmla="*/ 74425 h 123087"/>
                <a:gd name="connsiteX99" fmla="*/ 399320 w 719920"/>
                <a:gd name="connsiteY99" fmla="*/ 120225 h 123087"/>
                <a:gd name="connsiteX100" fmla="*/ 350657 w 719920"/>
                <a:gd name="connsiteY100" fmla="*/ 2863 h 123087"/>
                <a:gd name="connsiteX101" fmla="*/ 323463 w 719920"/>
                <a:gd name="connsiteY101" fmla="*/ 2863 h 123087"/>
                <a:gd name="connsiteX102" fmla="*/ 274085 w 719920"/>
                <a:gd name="connsiteY102" fmla="*/ 120225 h 123087"/>
                <a:gd name="connsiteX103" fmla="*/ 304857 w 719920"/>
                <a:gd name="connsiteY103" fmla="*/ 120225 h 123087"/>
                <a:gd name="connsiteX104" fmla="*/ 313445 w 719920"/>
                <a:gd name="connsiteY104" fmla="*/ 97325 h 123087"/>
                <a:gd name="connsiteX105" fmla="*/ 358529 w 719920"/>
                <a:gd name="connsiteY105" fmla="*/ 97325 h 123087"/>
                <a:gd name="connsiteX106" fmla="*/ 367832 w 719920"/>
                <a:gd name="connsiteY106" fmla="*/ 120225 h 123087"/>
                <a:gd name="connsiteX107" fmla="*/ 399320 w 719920"/>
                <a:gd name="connsiteY107" fmla="*/ 120225 h 123087"/>
                <a:gd name="connsiteX108" fmla="*/ 284820 w 719920"/>
                <a:gd name="connsiteY108" fmla="*/ 2863 h 123087"/>
                <a:gd name="connsiteX109" fmla="*/ 255479 w 719920"/>
                <a:gd name="connsiteY109" fmla="*/ 2863 h 123087"/>
                <a:gd name="connsiteX110" fmla="*/ 236873 w 719920"/>
                <a:gd name="connsiteY110" fmla="*/ 80866 h 123087"/>
                <a:gd name="connsiteX111" fmla="*/ 236157 w 719920"/>
                <a:gd name="connsiteY111" fmla="*/ 80866 h 123087"/>
                <a:gd name="connsiteX112" fmla="*/ 215404 w 719920"/>
                <a:gd name="connsiteY112" fmla="*/ 2863 h 123087"/>
                <a:gd name="connsiteX113" fmla="*/ 186063 w 719920"/>
                <a:gd name="connsiteY113" fmla="*/ 2863 h 123087"/>
                <a:gd name="connsiteX114" fmla="*/ 165310 w 719920"/>
                <a:gd name="connsiteY114" fmla="*/ 80866 h 123087"/>
                <a:gd name="connsiteX115" fmla="*/ 164594 w 719920"/>
                <a:gd name="connsiteY115" fmla="*/ 80866 h 123087"/>
                <a:gd name="connsiteX116" fmla="*/ 145988 w 719920"/>
                <a:gd name="connsiteY116" fmla="*/ 2863 h 123087"/>
                <a:gd name="connsiteX117" fmla="*/ 115216 w 719920"/>
                <a:gd name="connsiteY117" fmla="*/ 2863 h 123087"/>
                <a:gd name="connsiteX118" fmla="*/ 148850 w 719920"/>
                <a:gd name="connsiteY118" fmla="*/ 120225 h 123087"/>
                <a:gd name="connsiteX119" fmla="*/ 176760 w 719920"/>
                <a:gd name="connsiteY119" fmla="*/ 120225 h 123087"/>
                <a:gd name="connsiteX120" fmla="*/ 199660 w 719920"/>
                <a:gd name="connsiteY120" fmla="*/ 40791 h 123087"/>
                <a:gd name="connsiteX121" fmla="*/ 200376 w 719920"/>
                <a:gd name="connsiteY121" fmla="*/ 40791 h 123087"/>
                <a:gd name="connsiteX122" fmla="*/ 223276 w 719920"/>
                <a:gd name="connsiteY122" fmla="*/ 120225 h 123087"/>
                <a:gd name="connsiteX123" fmla="*/ 251185 w 719920"/>
                <a:gd name="connsiteY123" fmla="*/ 120225 h 123087"/>
                <a:gd name="connsiteX124" fmla="*/ 284820 w 719920"/>
                <a:gd name="connsiteY124" fmla="*/ 2863 h 123087"/>
                <a:gd name="connsiteX125" fmla="*/ 77288 w 719920"/>
                <a:gd name="connsiteY125" fmla="*/ 74425 h 123087"/>
                <a:gd name="connsiteX126" fmla="*/ 47947 w 719920"/>
                <a:gd name="connsiteY126" fmla="*/ 74425 h 123087"/>
                <a:gd name="connsiteX127" fmla="*/ 62975 w 719920"/>
                <a:gd name="connsiteY127" fmla="*/ 34350 h 123087"/>
                <a:gd name="connsiteX128" fmla="*/ 77288 w 719920"/>
                <a:gd name="connsiteY128" fmla="*/ 74425 h 123087"/>
                <a:gd name="connsiteX129" fmla="*/ 125235 w 719920"/>
                <a:gd name="connsiteY129" fmla="*/ 120225 h 123087"/>
                <a:gd name="connsiteX130" fmla="*/ 76572 w 719920"/>
                <a:gd name="connsiteY130" fmla="*/ 2863 h 123087"/>
                <a:gd name="connsiteX131" fmla="*/ 49378 w 719920"/>
                <a:gd name="connsiteY131" fmla="*/ 2863 h 123087"/>
                <a:gd name="connsiteX132" fmla="*/ 0 w 719920"/>
                <a:gd name="connsiteY132" fmla="*/ 120225 h 123087"/>
                <a:gd name="connsiteX133" fmla="*/ 30772 w 719920"/>
                <a:gd name="connsiteY133" fmla="*/ 120225 h 123087"/>
                <a:gd name="connsiteX134" fmla="*/ 39359 w 719920"/>
                <a:gd name="connsiteY134" fmla="*/ 97325 h 123087"/>
                <a:gd name="connsiteX135" fmla="*/ 84444 w 719920"/>
                <a:gd name="connsiteY135" fmla="*/ 97325 h 123087"/>
                <a:gd name="connsiteX136" fmla="*/ 93747 w 719920"/>
                <a:gd name="connsiteY136" fmla="*/ 120225 h 123087"/>
                <a:gd name="connsiteX137" fmla="*/ 125235 w 719920"/>
                <a:gd name="connsiteY137" fmla="*/ 120225 h 12308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 ang="0">
                  <a:pos x="connsiteX76" y="connsiteY76"/>
                </a:cxn>
                <a:cxn ang="0">
                  <a:pos x="connsiteX77" y="connsiteY77"/>
                </a:cxn>
                <a:cxn ang="0">
                  <a:pos x="connsiteX78" y="connsiteY78"/>
                </a:cxn>
                <a:cxn ang="0">
                  <a:pos x="connsiteX79" y="connsiteY79"/>
                </a:cxn>
                <a:cxn ang="0">
                  <a:pos x="connsiteX80" y="connsiteY80"/>
                </a:cxn>
                <a:cxn ang="0">
                  <a:pos x="connsiteX81" y="connsiteY81"/>
                </a:cxn>
                <a:cxn ang="0">
                  <a:pos x="connsiteX82" y="connsiteY82"/>
                </a:cxn>
                <a:cxn ang="0">
                  <a:pos x="connsiteX83" y="connsiteY83"/>
                </a:cxn>
                <a:cxn ang="0">
                  <a:pos x="connsiteX84" y="connsiteY84"/>
                </a:cxn>
                <a:cxn ang="0">
                  <a:pos x="connsiteX85" y="connsiteY85"/>
                </a:cxn>
                <a:cxn ang="0">
                  <a:pos x="connsiteX86" y="connsiteY86"/>
                </a:cxn>
                <a:cxn ang="0">
                  <a:pos x="connsiteX87" y="connsiteY87"/>
                </a:cxn>
                <a:cxn ang="0">
                  <a:pos x="connsiteX88" y="connsiteY88"/>
                </a:cxn>
                <a:cxn ang="0">
                  <a:pos x="connsiteX89" y="connsiteY89"/>
                </a:cxn>
                <a:cxn ang="0">
                  <a:pos x="connsiteX90" y="connsiteY90"/>
                </a:cxn>
                <a:cxn ang="0">
                  <a:pos x="connsiteX91" y="connsiteY91"/>
                </a:cxn>
                <a:cxn ang="0">
                  <a:pos x="connsiteX92" y="connsiteY92"/>
                </a:cxn>
                <a:cxn ang="0">
                  <a:pos x="connsiteX93" y="connsiteY93"/>
                </a:cxn>
                <a:cxn ang="0">
                  <a:pos x="connsiteX94" y="connsiteY94"/>
                </a:cxn>
                <a:cxn ang="0">
                  <a:pos x="connsiteX95" y="connsiteY95"/>
                </a:cxn>
                <a:cxn ang="0">
                  <a:pos x="connsiteX96" y="connsiteY96"/>
                </a:cxn>
                <a:cxn ang="0">
                  <a:pos x="connsiteX97" y="connsiteY97"/>
                </a:cxn>
                <a:cxn ang="0">
                  <a:pos x="connsiteX98" y="connsiteY98"/>
                </a:cxn>
                <a:cxn ang="0">
                  <a:pos x="connsiteX99" y="connsiteY99"/>
                </a:cxn>
                <a:cxn ang="0">
                  <a:pos x="connsiteX100" y="connsiteY100"/>
                </a:cxn>
                <a:cxn ang="0">
                  <a:pos x="connsiteX101" y="connsiteY101"/>
                </a:cxn>
                <a:cxn ang="0">
                  <a:pos x="connsiteX102" y="connsiteY102"/>
                </a:cxn>
                <a:cxn ang="0">
                  <a:pos x="connsiteX103" y="connsiteY103"/>
                </a:cxn>
                <a:cxn ang="0">
                  <a:pos x="connsiteX104" y="connsiteY104"/>
                </a:cxn>
                <a:cxn ang="0">
                  <a:pos x="connsiteX105" y="connsiteY105"/>
                </a:cxn>
                <a:cxn ang="0">
                  <a:pos x="connsiteX106" y="connsiteY106"/>
                </a:cxn>
                <a:cxn ang="0">
                  <a:pos x="connsiteX107" y="connsiteY107"/>
                </a:cxn>
                <a:cxn ang="0">
                  <a:pos x="connsiteX108" y="connsiteY108"/>
                </a:cxn>
                <a:cxn ang="0">
                  <a:pos x="connsiteX109" y="connsiteY109"/>
                </a:cxn>
                <a:cxn ang="0">
                  <a:pos x="connsiteX110" y="connsiteY110"/>
                </a:cxn>
                <a:cxn ang="0">
                  <a:pos x="connsiteX111" y="connsiteY111"/>
                </a:cxn>
                <a:cxn ang="0">
                  <a:pos x="connsiteX112" y="connsiteY112"/>
                </a:cxn>
                <a:cxn ang="0">
                  <a:pos x="connsiteX113" y="connsiteY113"/>
                </a:cxn>
                <a:cxn ang="0">
                  <a:pos x="connsiteX114" y="connsiteY114"/>
                </a:cxn>
                <a:cxn ang="0">
                  <a:pos x="connsiteX115" y="connsiteY115"/>
                </a:cxn>
                <a:cxn ang="0">
                  <a:pos x="connsiteX116" y="connsiteY116"/>
                </a:cxn>
                <a:cxn ang="0">
                  <a:pos x="connsiteX117" y="connsiteY117"/>
                </a:cxn>
                <a:cxn ang="0">
                  <a:pos x="connsiteX118" y="connsiteY118"/>
                </a:cxn>
                <a:cxn ang="0">
                  <a:pos x="connsiteX119" y="connsiteY119"/>
                </a:cxn>
                <a:cxn ang="0">
                  <a:pos x="connsiteX120" y="connsiteY120"/>
                </a:cxn>
                <a:cxn ang="0">
                  <a:pos x="connsiteX121" y="connsiteY121"/>
                </a:cxn>
                <a:cxn ang="0">
                  <a:pos x="connsiteX122" y="connsiteY122"/>
                </a:cxn>
                <a:cxn ang="0">
                  <a:pos x="connsiteX123" y="connsiteY123"/>
                </a:cxn>
                <a:cxn ang="0">
                  <a:pos x="connsiteX124" y="connsiteY124"/>
                </a:cxn>
                <a:cxn ang="0">
                  <a:pos x="connsiteX125" y="connsiteY125"/>
                </a:cxn>
                <a:cxn ang="0">
                  <a:pos x="connsiteX126" y="connsiteY126"/>
                </a:cxn>
                <a:cxn ang="0">
                  <a:pos x="connsiteX127" y="connsiteY127"/>
                </a:cxn>
                <a:cxn ang="0">
                  <a:pos x="connsiteX128" y="connsiteY128"/>
                </a:cxn>
                <a:cxn ang="0">
                  <a:pos x="connsiteX129" y="connsiteY129"/>
                </a:cxn>
                <a:cxn ang="0">
                  <a:pos x="connsiteX130" y="connsiteY130"/>
                </a:cxn>
                <a:cxn ang="0">
                  <a:pos x="connsiteX131" y="connsiteY131"/>
                </a:cxn>
                <a:cxn ang="0">
                  <a:pos x="connsiteX132" y="connsiteY132"/>
                </a:cxn>
                <a:cxn ang="0">
                  <a:pos x="connsiteX133" y="connsiteY133"/>
                </a:cxn>
                <a:cxn ang="0">
                  <a:pos x="connsiteX134" y="connsiteY134"/>
                </a:cxn>
                <a:cxn ang="0">
                  <a:pos x="connsiteX135" y="connsiteY135"/>
                </a:cxn>
                <a:cxn ang="0">
                  <a:pos x="connsiteX136" y="connsiteY136"/>
                </a:cxn>
                <a:cxn ang="0">
                  <a:pos x="connsiteX137" y="connsiteY137"/>
                </a:cxn>
              </a:cxnLst>
              <a:rect l="l" t="t" r="r" b="b"/>
              <a:pathLst>
                <a:path w="719920" h="123087">
                  <a:moveTo>
                    <a:pt x="719921" y="14313"/>
                  </a:moveTo>
                  <a:cubicBezTo>
                    <a:pt x="714911" y="9303"/>
                    <a:pt x="708471" y="5725"/>
                    <a:pt x="702030" y="3578"/>
                  </a:cubicBezTo>
                  <a:cubicBezTo>
                    <a:pt x="694874" y="1431"/>
                    <a:pt x="688433" y="0"/>
                    <a:pt x="681993" y="0"/>
                  </a:cubicBezTo>
                  <a:cubicBezTo>
                    <a:pt x="676268" y="0"/>
                    <a:pt x="671258" y="716"/>
                    <a:pt x="665533" y="2147"/>
                  </a:cubicBezTo>
                  <a:cubicBezTo>
                    <a:pt x="659808" y="3578"/>
                    <a:pt x="655514" y="5725"/>
                    <a:pt x="651221" y="8588"/>
                  </a:cubicBezTo>
                  <a:cubicBezTo>
                    <a:pt x="646927" y="11450"/>
                    <a:pt x="643349" y="15028"/>
                    <a:pt x="640486" y="20038"/>
                  </a:cubicBezTo>
                  <a:cubicBezTo>
                    <a:pt x="637624" y="24331"/>
                    <a:pt x="636192" y="30056"/>
                    <a:pt x="636192" y="36497"/>
                  </a:cubicBezTo>
                  <a:cubicBezTo>
                    <a:pt x="636192" y="41506"/>
                    <a:pt x="636908" y="46516"/>
                    <a:pt x="639055" y="50094"/>
                  </a:cubicBezTo>
                  <a:cubicBezTo>
                    <a:pt x="640486" y="53672"/>
                    <a:pt x="643349" y="57250"/>
                    <a:pt x="645496" y="59397"/>
                  </a:cubicBezTo>
                  <a:cubicBezTo>
                    <a:pt x="648358" y="62260"/>
                    <a:pt x="651221" y="64406"/>
                    <a:pt x="654799" y="65838"/>
                  </a:cubicBezTo>
                  <a:cubicBezTo>
                    <a:pt x="658377" y="67269"/>
                    <a:pt x="661955" y="68700"/>
                    <a:pt x="665533" y="70131"/>
                  </a:cubicBezTo>
                  <a:cubicBezTo>
                    <a:pt x="669111" y="71563"/>
                    <a:pt x="672690" y="72278"/>
                    <a:pt x="675552" y="73710"/>
                  </a:cubicBezTo>
                  <a:cubicBezTo>
                    <a:pt x="678415" y="74425"/>
                    <a:pt x="681277" y="75856"/>
                    <a:pt x="683424" y="77288"/>
                  </a:cubicBezTo>
                  <a:cubicBezTo>
                    <a:pt x="685571" y="78719"/>
                    <a:pt x="687002" y="80150"/>
                    <a:pt x="688433" y="81581"/>
                  </a:cubicBezTo>
                  <a:cubicBezTo>
                    <a:pt x="689865" y="83013"/>
                    <a:pt x="689865" y="85160"/>
                    <a:pt x="689865" y="87306"/>
                  </a:cubicBezTo>
                  <a:cubicBezTo>
                    <a:pt x="689865" y="89453"/>
                    <a:pt x="689149" y="91600"/>
                    <a:pt x="688433" y="93031"/>
                  </a:cubicBezTo>
                  <a:cubicBezTo>
                    <a:pt x="687718" y="94463"/>
                    <a:pt x="686286" y="95894"/>
                    <a:pt x="684855" y="97325"/>
                  </a:cubicBezTo>
                  <a:cubicBezTo>
                    <a:pt x="683424" y="98041"/>
                    <a:pt x="681277" y="98756"/>
                    <a:pt x="679846" y="99472"/>
                  </a:cubicBezTo>
                  <a:cubicBezTo>
                    <a:pt x="677699" y="100188"/>
                    <a:pt x="675552" y="100188"/>
                    <a:pt x="673405" y="100188"/>
                  </a:cubicBezTo>
                  <a:cubicBezTo>
                    <a:pt x="669111" y="100188"/>
                    <a:pt x="664102" y="98756"/>
                    <a:pt x="659093" y="96610"/>
                  </a:cubicBezTo>
                  <a:cubicBezTo>
                    <a:pt x="654083" y="94463"/>
                    <a:pt x="650505" y="91600"/>
                    <a:pt x="647643" y="88022"/>
                  </a:cubicBezTo>
                  <a:lnTo>
                    <a:pt x="629036" y="106628"/>
                  </a:lnTo>
                  <a:cubicBezTo>
                    <a:pt x="634046" y="112353"/>
                    <a:pt x="640486" y="115931"/>
                    <a:pt x="648358" y="118794"/>
                  </a:cubicBezTo>
                  <a:cubicBezTo>
                    <a:pt x="656230" y="121657"/>
                    <a:pt x="664102" y="123088"/>
                    <a:pt x="672690" y="123088"/>
                  </a:cubicBezTo>
                  <a:cubicBezTo>
                    <a:pt x="678415" y="123088"/>
                    <a:pt x="684139" y="122372"/>
                    <a:pt x="689149" y="120941"/>
                  </a:cubicBezTo>
                  <a:cubicBezTo>
                    <a:pt x="694874" y="119510"/>
                    <a:pt x="699168" y="117363"/>
                    <a:pt x="703461" y="113785"/>
                  </a:cubicBezTo>
                  <a:cubicBezTo>
                    <a:pt x="707755" y="110922"/>
                    <a:pt x="711333" y="106628"/>
                    <a:pt x="713480" y="101619"/>
                  </a:cubicBezTo>
                  <a:cubicBezTo>
                    <a:pt x="715627" y="96610"/>
                    <a:pt x="717058" y="90885"/>
                    <a:pt x="717058" y="84444"/>
                  </a:cubicBezTo>
                  <a:cubicBezTo>
                    <a:pt x="717058" y="78719"/>
                    <a:pt x="715627" y="73710"/>
                    <a:pt x="713480" y="70131"/>
                  </a:cubicBezTo>
                  <a:cubicBezTo>
                    <a:pt x="711333" y="66553"/>
                    <a:pt x="708471" y="62975"/>
                    <a:pt x="704893" y="60113"/>
                  </a:cubicBezTo>
                  <a:cubicBezTo>
                    <a:pt x="701315" y="57250"/>
                    <a:pt x="697736" y="55103"/>
                    <a:pt x="693443" y="53672"/>
                  </a:cubicBezTo>
                  <a:cubicBezTo>
                    <a:pt x="689149" y="52241"/>
                    <a:pt x="684855" y="50809"/>
                    <a:pt x="681277" y="49378"/>
                  </a:cubicBezTo>
                  <a:cubicBezTo>
                    <a:pt x="678415" y="48663"/>
                    <a:pt x="676268" y="47947"/>
                    <a:pt x="674121" y="46516"/>
                  </a:cubicBezTo>
                  <a:cubicBezTo>
                    <a:pt x="671974" y="45800"/>
                    <a:pt x="669827" y="45084"/>
                    <a:pt x="668396" y="43653"/>
                  </a:cubicBezTo>
                  <a:cubicBezTo>
                    <a:pt x="666964" y="42938"/>
                    <a:pt x="665533" y="41506"/>
                    <a:pt x="664818" y="40075"/>
                  </a:cubicBezTo>
                  <a:cubicBezTo>
                    <a:pt x="664102" y="38644"/>
                    <a:pt x="663386" y="37213"/>
                    <a:pt x="663386" y="35066"/>
                  </a:cubicBezTo>
                  <a:cubicBezTo>
                    <a:pt x="663386" y="32919"/>
                    <a:pt x="664102" y="30772"/>
                    <a:pt x="664818" y="29341"/>
                  </a:cubicBezTo>
                  <a:cubicBezTo>
                    <a:pt x="665533" y="27909"/>
                    <a:pt x="666964" y="26478"/>
                    <a:pt x="668396" y="25763"/>
                  </a:cubicBezTo>
                  <a:cubicBezTo>
                    <a:pt x="669827" y="25047"/>
                    <a:pt x="671974" y="24331"/>
                    <a:pt x="673405" y="23616"/>
                  </a:cubicBezTo>
                  <a:cubicBezTo>
                    <a:pt x="675552" y="23616"/>
                    <a:pt x="676983" y="22900"/>
                    <a:pt x="679130" y="22900"/>
                  </a:cubicBezTo>
                  <a:cubicBezTo>
                    <a:pt x="682708" y="22900"/>
                    <a:pt x="686286" y="23616"/>
                    <a:pt x="690580" y="25763"/>
                  </a:cubicBezTo>
                  <a:cubicBezTo>
                    <a:pt x="694158" y="27909"/>
                    <a:pt x="697736" y="30056"/>
                    <a:pt x="699883" y="32919"/>
                  </a:cubicBezTo>
                  <a:lnTo>
                    <a:pt x="719921" y="14313"/>
                  </a:lnTo>
                  <a:close/>
                  <a:moveTo>
                    <a:pt x="592539" y="77288"/>
                  </a:moveTo>
                  <a:cubicBezTo>
                    <a:pt x="590392" y="81581"/>
                    <a:pt x="587530" y="85160"/>
                    <a:pt x="583952" y="88022"/>
                  </a:cubicBezTo>
                  <a:cubicBezTo>
                    <a:pt x="580374" y="90885"/>
                    <a:pt x="576080" y="92316"/>
                    <a:pt x="571786" y="93747"/>
                  </a:cubicBezTo>
                  <a:cubicBezTo>
                    <a:pt x="567492" y="95178"/>
                    <a:pt x="562483" y="95178"/>
                    <a:pt x="557474" y="95178"/>
                  </a:cubicBezTo>
                  <a:lnTo>
                    <a:pt x="543877" y="95178"/>
                  </a:lnTo>
                  <a:lnTo>
                    <a:pt x="543877" y="26478"/>
                  </a:lnTo>
                  <a:lnTo>
                    <a:pt x="558189" y="26478"/>
                  </a:lnTo>
                  <a:cubicBezTo>
                    <a:pt x="563199" y="26478"/>
                    <a:pt x="567492" y="27194"/>
                    <a:pt x="572502" y="27909"/>
                  </a:cubicBezTo>
                  <a:cubicBezTo>
                    <a:pt x="576795" y="29341"/>
                    <a:pt x="581089" y="30772"/>
                    <a:pt x="584667" y="33634"/>
                  </a:cubicBezTo>
                  <a:cubicBezTo>
                    <a:pt x="588245" y="36497"/>
                    <a:pt x="591108" y="39359"/>
                    <a:pt x="593255" y="44369"/>
                  </a:cubicBezTo>
                  <a:cubicBezTo>
                    <a:pt x="595402" y="48663"/>
                    <a:pt x="596833" y="54388"/>
                    <a:pt x="596833" y="60828"/>
                  </a:cubicBezTo>
                  <a:cubicBezTo>
                    <a:pt x="596117" y="67269"/>
                    <a:pt x="594686" y="72994"/>
                    <a:pt x="592539" y="77288"/>
                  </a:cubicBezTo>
                  <a:moveTo>
                    <a:pt x="619733" y="32919"/>
                  </a:moveTo>
                  <a:cubicBezTo>
                    <a:pt x="616155" y="25763"/>
                    <a:pt x="611146" y="19322"/>
                    <a:pt x="604705" y="15028"/>
                  </a:cubicBezTo>
                  <a:cubicBezTo>
                    <a:pt x="598264" y="10734"/>
                    <a:pt x="591108" y="7156"/>
                    <a:pt x="583236" y="5725"/>
                  </a:cubicBezTo>
                  <a:cubicBezTo>
                    <a:pt x="575364" y="3578"/>
                    <a:pt x="566777" y="2863"/>
                    <a:pt x="558905" y="2863"/>
                  </a:cubicBezTo>
                  <a:lnTo>
                    <a:pt x="516683" y="2863"/>
                  </a:lnTo>
                  <a:lnTo>
                    <a:pt x="516683" y="120225"/>
                  </a:lnTo>
                  <a:lnTo>
                    <a:pt x="560336" y="120225"/>
                  </a:lnTo>
                  <a:cubicBezTo>
                    <a:pt x="568208" y="120225"/>
                    <a:pt x="576080" y="118794"/>
                    <a:pt x="583952" y="116647"/>
                  </a:cubicBezTo>
                  <a:cubicBezTo>
                    <a:pt x="591824" y="114500"/>
                    <a:pt x="598980" y="110922"/>
                    <a:pt x="605420" y="105913"/>
                  </a:cubicBezTo>
                  <a:cubicBezTo>
                    <a:pt x="611861" y="100903"/>
                    <a:pt x="616871" y="95178"/>
                    <a:pt x="620449" y="87306"/>
                  </a:cubicBezTo>
                  <a:cubicBezTo>
                    <a:pt x="624027" y="80150"/>
                    <a:pt x="626174" y="70847"/>
                    <a:pt x="626174" y="60828"/>
                  </a:cubicBezTo>
                  <a:cubicBezTo>
                    <a:pt x="625458" y="50094"/>
                    <a:pt x="623311" y="40791"/>
                    <a:pt x="619733" y="32919"/>
                  </a:cubicBezTo>
                  <a:moveTo>
                    <a:pt x="468020" y="45800"/>
                  </a:moveTo>
                  <a:cubicBezTo>
                    <a:pt x="466589" y="47947"/>
                    <a:pt x="465158" y="49378"/>
                    <a:pt x="463011" y="50094"/>
                  </a:cubicBezTo>
                  <a:cubicBezTo>
                    <a:pt x="460864" y="50809"/>
                    <a:pt x="458717" y="51525"/>
                    <a:pt x="456570" y="52241"/>
                  </a:cubicBezTo>
                  <a:cubicBezTo>
                    <a:pt x="454423" y="52956"/>
                    <a:pt x="451561" y="52956"/>
                    <a:pt x="449414" y="52956"/>
                  </a:cubicBezTo>
                  <a:lnTo>
                    <a:pt x="435817" y="52956"/>
                  </a:lnTo>
                  <a:lnTo>
                    <a:pt x="435817" y="25763"/>
                  </a:lnTo>
                  <a:lnTo>
                    <a:pt x="450845" y="25763"/>
                  </a:lnTo>
                  <a:cubicBezTo>
                    <a:pt x="452992" y="25763"/>
                    <a:pt x="455139" y="25763"/>
                    <a:pt x="457286" y="26478"/>
                  </a:cubicBezTo>
                  <a:cubicBezTo>
                    <a:pt x="459433" y="26478"/>
                    <a:pt x="461579" y="27194"/>
                    <a:pt x="463726" y="28625"/>
                  </a:cubicBezTo>
                  <a:cubicBezTo>
                    <a:pt x="465873" y="29341"/>
                    <a:pt x="467305" y="30772"/>
                    <a:pt x="468020" y="32919"/>
                  </a:cubicBezTo>
                  <a:cubicBezTo>
                    <a:pt x="469451" y="34350"/>
                    <a:pt x="469451" y="37213"/>
                    <a:pt x="469451" y="39359"/>
                  </a:cubicBezTo>
                  <a:cubicBezTo>
                    <a:pt x="469451" y="41506"/>
                    <a:pt x="468736" y="44369"/>
                    <a:pt x="468020" y="45800"/>
                  </a:cubicBezTo>
                  <a:moveTo>
                    <a:pt x="503801" y="120225"/>
                  </a:moveTo>
                  <a:lnTo>
                    <a:pt x="473029" y="70131"/>
                  </a:lnTo>
                  <a:cubicBezTo>
                    <a:pt x="480901" y="67985"/>
                    <a:pt x="486626" y="63691"/>
                    <a:pt x="490920" y="58681"/>
                  </a:cubicBezTo>
                  <a:cubicBezTo>
                    <a:pt x="495214" y="52956"/>
                    <a:pt x="497361" y="46516"/>
                    <a:pt x="497361" y="38644"/>
                  </a:cubicBezTo>
                  <a:cubicBezTo>
                    <a:pt x="497361" y="32203"/>
                    <a:pt x="495930" y="26478"/>
                    <a:pt x="493783" y="21469"/>
                  </a:cubicBezTo>
                  <a:cubicBezTo>
                    <a:pt x="490920" y="17175"/>
                    <a:pt x="488058" y="13597"/>
                    <a:pt x="483764" y="10734"/>
                  </a:cubicBezTo>
                  <a:cubicBezTo>
                    <a:pt x="479470" y="7872"/>
                    <a:pt x="474461" y="5725"/>
                    <a:pt x="469451" y="5009"/>
                  </a:cubicBezTo>
                  <a:cubicBezTo>
                    <a:pt x="464442" y="3578"/>
                    <a:pt x="458717" y="3578"/>
                    <a:pt x="452992" y="3578"/>
                  </a:cubicBezTo>
                  <a:lnTo>
                    <a:pt x="407907" y="3578"/>
                  </a:lnTo>
                  <a:lnTo>
                    <a:pt x="407907" y="120941"/>
                  </a:lnTo>
                  <a:lnTo>
                    <a:pt x="435817" y="120941"/>
                  </a:lnTo>
                  <a:lnTo>
                    <a:pt x="435817" y="74425"/>
                  </a:lnTo>
                  <a:lnTo>
                    <a:pt x="445120" y="74425"/>
                  </a:lnTo>
                  <a:lnTo>
                    <a:pt x="470883" y="120941"/>
                  </a:lnTo>
                  <a:lnTo>
                    <a:pt x="503801" y="120941"/>
                  </a:lnTo>
                  <a:lnTo>
                    <a:pt x="503801" y="120225"/>
                  </a:lnTo>
                  <a:close/>
                  <a:moveTo>
                    <a:pt x="350657" y="74425"/>
                  </a:moveTo>
                  <a:lnTo>
                    <a:pt x="321317" y="74425"/>
                  </a:lnTo>
                  <a:lnTo>
                    <a:pt x="336345" y="34350"/>
                  </a:lnTo>
                  <a:lnTo>
                    <a:pt x="350657" y="74425"/>
                  </a:lnTo>
                  <a:close/>
                  <a:moveTo>
                    <a:pt x="399320" y="120225"/>
                  </a:moveTo>
                  <a:lnTo>
                    <a:pt x="350657" y="2863"/>
                  </a:lnTo>
                  <a:lnTo>
                    <a:pt x="323463" y="2863"/>
                  </a:lnTo>
                  <a:lnTo>
                    <a:pt x="274085" y="120225"/>
                  </a:lnTo>
                  <a:lnTo>
                    <a:pt x="304857" y="120225"/>
                  </a:lnTo>
                  <a:lnTo>
                    <a:pt x="313445" y="97325"/>
                  </a:lnTo>
                  <a:lnTo>
                    <a:pt x="358529" y="97325"/>
                  </a:lnTo>
                  <a:lnTo>
                    <a:pt x="367832" y="120225"/>
                  </a:lnTo>
                  <a:cubicBezTo>
                    <a:pt x="367832" y="120225"/>
                    <a:pt x="399320" y="120225"/>
                    <a:pt x="399320" y="120225"/>
                  </a:cubicBezTo>
                  <a:close/>
                  <a:moveTo>
                    <a:pt x="284820" y="2863"/>
                  </a:moveTo>
                  <a:lnTo>
                    <a:pt x="255479" y="2863"/>
                  </a:lnTo>
                  <a:lnTo>
                    <a:pt x="236873" y="80866"/>
                  </a:lnTo>
                  <a:lnTo>
                    <a:pt x="236157" y="80866"/>
                  </a:lnTo>
                  <a:lnTo>
                    <a:pt x="215404" y="2863"/>
                  </a:lnTo>
                  <a:lnTo>
                    <a:pt x="186063" y="2863"/>
                  </a:lnTo>
                  <a:lnTo>
                    <a:pt x="165310" y="80866"/>
                  </a:lnTo>
                  <a:lnTo>
                    <a:pt x="164594" y="80866"/>
                  </a:lnTo>
                  <a:lnTo>
                    <a:pt x="145988" y="2863"/>
                  </a:lnTo>
                  <a:lnTo>
                    <a:pt x="115216" y="2863"/>
                  </a:lnTo>
                  <a:lnTo>
                    <a:pt x="148850" y="120225"/>
                  </a:lnTo>
                  <a:lnTo>
                    <a:pt x="176760" y="120225"/>
                  </a:lnTo>
                  <a:lnTo>
                    <a:pt x="199660" y="40791"/>
                  </a:lnTo>
                  <a:lnTo>
                    <a:pt x="200376" y="40791"/>
                  </a:lnTo>
                  <a:lnTo>
                    <a:pt x="223276" y="120225"/>
                  </a:lnTo>
                  <a:lnTo>
                    <a:pt x="251185" y="120225"/>
                  </a:lnTo>
                  <a:lnTo>
                    <a:pt x="284820" y="2863"/>
                  </a:lnTo>
                  <a:close/>
                  <a:moveTo>
                    <a:pt x="77288" y="74425"/>
                  </a:moveTo>
                  <a:lnTo>
                    <a:pt x="47947" y="74425"/>
                  </a:lnTo>
                  <a:lnTo>
                    <a:pt x="62975" y="34350"/>
                  </a:lnTo>
                  <a:lnTo>
                    <a:pt x="77288" y="74425"/>
                  </a:lnTo>
                  <a:close/>
                  <a:moveTo>
                    <a:pt x="125235" y="120225"/>
                  </a:moveTo>
                  <a:lnTo>
                    <a:pt x="76572" y="2863"/>
                  </a:lnTo>
                  <a:lnTo>
                    <a:pt x="49378" y="2863"/>
                  </a:lnTo>
                  <a:lnTo>
                    <a:pt x="0" y="120225"/>
                  </a:lnTo>
                  <a:lnTo>
                    <a:pt x="30772" y="120225"/>
                  </a:lnTo>
                  <a:lnTo>
                    <a:pt x="39359" y="97325"/>
                  </a:lnTo>
                  <a:lnTo>
                    <a:pt x="84444" y="97325"/>
                  </a:lnTo>
                  <a:lnTo>
                    <a:pt x="93747" y="120225"/>
                  </a:lnTo>
                  <a:cubicBezTo>
                    <a:pt x="93747" y="120225"/>
                    <a:pt x="125235" y="120225"/>
                    <a:pt x="125235" y="120225"/>
                  </a:cubicBezTo>
                  <a:close/>
                </a:path>
              </a:pathLst>
            </a:custGeom>
            <a:solidFill>
              <a:srgbClr val="01567A"/>
            </a:solidFill>
            <a:ln w="7121" cap="flat">
              <a:noFill/>
              <a:prstDash val="solid"/>
              <a:miter/>
            </a:ln>
          </p:spPr>
          <p:txBody>
            <a:bodyPr rtlCol="0" anchor="ctr"/>
            <a:lstStyle/>
            <a:p>
              <a:endParaRPr lang="en-IN"/>
            </a:p>
          </p:txBody>
        </p:sp>
      </p:grpSp>
      <p:grpSp>
        <p:nvGrpSpPr>
          <p:cNvPr id="55" name="Group 54">
            <a:extLst>
              <a:ext uri="{FF2B5EF4-FFF2-40B4-BE49-F238E27FC236}">
                <a16:creationId xmlns:a16="http://schemas.microsoft.com/office/drawing/2014/main" id="{C9378D64-0521-2155-707F-42DBEE21B3C7}"/>
              </a:ext>
            </a:extLst>
          </p:cNvPr>
          <p:cNvGrpSpPr>
            <a:grpSpLocks noChangeAspect="1"/>
          </p:cNvGrpSpPr>
          <p:nvPr/>
        </p:nvGrpSpPr>
        <p:grpSpPr>
          <a:xfrm>
            <a:off x="5751856" y="2414246"/>
            <a:ext cx="1810537" cy="377135"/>
            <a:chOff x="6162721" y="3066352"/>
            <a:chExt cx="1360284" cy="283348"/>
          </a:xfrm>
        </p:grpSpPr>
        <p:sp>
          <p:nvSpPr>
            <p:cNvPr id="56" name="Freeform: Shape 55">
              <a:extLst>
                <a:ext uri="{FF2B5EF4-FFF2-40B4-BE49-F238E27FC236}">
                  <a16:creationId xmlns:a16="http://schemas.microsoft.com/office/drawing/2014/main" id="{1F1ED53D-26FE-0446-26D9-6AE7EADF3085}"/>
                </a:ext>
              </a:extLst>
            </p:cNvPr>
            <p:cNvSpPr/>
            <p:nvPr/>
          </p:nvSpPr>
          <p:spPr>
            <a:xfrm>
              <a:off x="6162721" y="3066352"/>
              <a:ext cx="1354370" cy="106457"/>
            </a:xfrm>
            <a:custGeom>
              <a:avLst/>
              <a:gdLst>
                <a:gd name="connsiteX0" fmla="*/ 32797 w 1354370"/>
                <a:gd name="connsiteY0" fmla="*/ 18818 h 106457"/>
                <a:gd name="connsiteX1" fmla="*/ 0 w 1354370"/>
                <a:gd name="connsiteY1" fmla="*/ 18818 h 106457"/>
                <a:gd name="connsiteX2" fmla="*/ 0 w 1354370"/>
                <a:gd name="connsiteY2" fmla="*/ 2151 h 106457"/>
                <a:gd name="connsiteX3" fmla="*/ 83338 w 1354370"/>
                <a:gd name="connsiteY3" fmla="*/ 2151 h 106457"/>
                <a:gd name="connsiteX4" fmla="*/ 83338 w 1354370"/>
                <a:gd name="connsiteY4" fmla="*/ 18818 h 106457"/>
                <a:gd name="connsiteX5" fmla="*/ 50540 w 1354370"/>
                <a:gd name="connsiteY5" fmla="*/ 18818 h 106457"/>
                <a:gd name="connsiteX6" fmla="*/ 50540 w 1354370"/>
                <a:gd name="connsiteY6" fmla="*/ 104844 h 106457"/>
                <a:gd name="connsiteX7" fmla="*/ 32260 w 1354370"/>
                <a:gd name="connsiteY7" fmla="*/ 104844 h 106457"/>
                <a:gd name="connsiteX8" fmla="*/ 32260 w 1354370"/>
                <a:gd name="connsiteY8" fmla="*/ 18818 h 106457"/>
                <a:gd name="connsiteX9" fmla="*/ 190332 w 1354370"/>
                <a:gd name="connsiteY9" fmla="*/ 1613 h 106457"/>
                <a:gd name="connsiteX10" fmla="*/ 236034 w 1354370"/>
                <a:gd name="connsiteY10" fmla="*/ 1613 h 106457"/>
                <a:gd name="connsiteX11" fmla="*/ 265605 w 1354370"/>
                <a:gd name="connsiteY11" fmla="*/ 11829 h 106457"/>
                <a:gd name="connsiteX12" fmla="*/ 274208 w 1354370"/>
                <a:gd name="connsiteY12" fmla="*/ 33873 h 106457"/>
                <a:gd name="connsiteX13" fmla="*/ 274208 w 1354370"/>
                <a:gd name="connsiteY13" fmla="*/ 34410 h 106457"/>
                <a:gd name="connsiteX14" fmla="*/ 249475 w 1354370"/>
                <a:gd name="connsiteY14" fmla="*/ 65595 h 106457"/>
                <a:gd name="connsiteX15" fmla="*/ 277434 w 1354370"/>
                <a:gd name="connsiteY15" fmla="*/ 104844 h 106457"/>
                <a:gd name="connsiteX16" fmla="*/ 255927 w 1354370"/>
                <a:gd name="connsiteY16" fmla="*/ 104844 h 106457"/>
                <a:gd name="connsiteX17" fmla="*/ 231195 w 1354370"/>
                <a:gd name="connsiteY17" fmla="*/ 68821 h 106457"/>
                <a:gd name="connsiteX18" fmla="*/ 208613 w 1354370"/>
                <a:gd name="connsiteY18" fmla="*/ 68821 h 106457"/>
                <a:gd name="connsiteX19" fmla="*/ 208613 w 1354370"/>
                <a:gd name="connsiteY19" fmla="*/ 104844 h 106457"/>
                <a:gd name="connsiteX20" fmla="*/ 190332 w 1354370"/>
                <a:gd name="connsiteY20" fmla="*/ 104844 h 106457"/>
                <a:gd name="connsiteX21" fmla="*/ 190332 w 1354370"/>
                <a:gd name="connsiteY21" fmla="*/ 1613 h 106457"/>
                <a:gd name="connsiteX22" fmla="*/ 234958 w 1354370"/>
                <a:gd name="connsiteY22" fmla="*/ 52691 h 106457"/>
                <a:gd name="connsiteX23" fmla="*/ 255927 w 1354370"/>
                <a:gd name="connsiteY23" fmla="*/ 35486 h 106457"/>
                <a:gd name="connsiteX24" fmla="*/ 255927 w 1354370"/>
                <a:gd name="connsiteY24" fmla="*/ 34948 h 106457"/>
                <a:gd name="connsiteX25" fmla="*/ 234421 w 1354370"/>
                <a:gd name="connsiteY25" fmla="*/ 17743 h 106457"/>
                <a:gd name="connsiteX26" fmla="*/ 208075 w 1354370"/>
                <a:gd name="connsiteY26" fmla="*/ 17743 h 106457"/>
                <a:gd name="connsiteX27" fmla="*/ 208075 w 1354370"/>
                <a:gd name="connsiteY27" fmla="*/ 52691 h 106457"/>
                <a:gd name="connsiteX28" fmla="*/ 234958 w 1354370"/>
                <a:gd name="connsiteY28" fmla="*/ 52691 h 106457"/>
                <a:gd name="connsiteX29" fmla="*/ 420452 w 1354370"/>
                <a:gd name="connsiteY29" fmla="*/ 1075 h 106457"/>
                <a:gd name="connsiteX30" fmla="*/ 437119 w 1354370"/>
                <a:gd name="connsiteY30" fmla="*/ 1075 h 106457"/>
                <a:gd name="connsiteX31" fmla="*/ 482283 w 1354370"/>
                <a:gd name="connsiteY31" fmla="*/ 104844 h 106457"/>
                <a:gd name="connsiteX32" fmla="*/ 462927 w 1354370"/>
                <a:gd name="connsiteY32" fmla="*/ 104844 h 106457"/>
                <a:gd name="connsiteX33" fmla="*/ 452711 w 1354370"/>
                <a:gd name="connsiteY33" fmla="*/ 80112 h 106457"/>
                <a:gd name="connsiteX34" fmla="*/ 403784 w 1354370"/>
                <a:gd name="connsiteY34" fmla="*/ 80112 h 106457"/>
                <a:gd name="connsiteX35" fmla="*/ 393031 w 1354370"/>
                <a:gd name="connsiteY35" fmla="*/ 104844 h 106457"/>
                <a:gd name="connsiteX36" fmla="*/ 374750 w 1354370"/>
                <a:gd name="connsiteY36" fmla="*/ 104844 h 106457"/>
                <a:gd name="connsiteX37" fmla="*/ 420452 w 1354370"/>
                <a:gd name="connsiteY37" fmla="*/ 1075 h 106457"/>
                <a:gd name="connsiteX38" fmla="*/ 446259 w 1354370"/>
                <a:gd name="connsiteY38" fmla="*/ 63982 h 106457"/>
                <a:gd name="connsiteX39" fmla="*/ 428516 w 1354370"/>
                <a:gd name="connsiteY39" fmla="*/ 22582 h 106457"/>
                <a:gd name="connsiteX40" fmla="*/ 410774 w 1354370"/>
                <a:gd name="connsiteY40" fmla="*/ 63982 h 106457"/>
                <a:gd name="connsiteX41" fmla="*/ 446259 w 1354370"/>
                <a:gd name="connsiteY41" fmla="*/ 63982 h 106457"/>
                <a:gd name="connsiteX42" fmla="*/ 588740 w 1354370"/>
                <a:gd name="connsiteY42" fmla="*/ 1613 h 106457"/>
                <a:gd name="connsiteX43" fmla="*/ 607020 w 1354370"/>
                <a:gd name="connsiteY43" fmla="*/ 1613 h 106457"/>
                <a:gd name="connsiteX44" fmla="*/ 607020 w 1354370"/>
                <a:gd name="connsiteY44" fmla="*/ 104844 h 106457"/>
                <a:gd name="connsiteX45" fmla="*/ 588740 w 1354370"/>
                <a:gd name="connsiteY45" fmla="*/ 104844 h 106457"/>
                <a:gd name="connsiteX46" fmla="*/ 588740 w 1354370"/>
                <a:gd name="connsiteY46" fmla="*/ 1613 h 106457"/>
                <a:gd name="connsiteX47" fmla="*/ 721542 w 1354370"/>
                <a:gd name="connsiteY47" fmla="*/ 1613 h 106457"/>
                <a:gd name="connsiteX48" fmla="*/ 738210 w 1354370"/>
                <a:gd name="connsiteY48" fmla="*/ 1613 h 106457"/>
                <a:gd name="connsiteX49" fmla="*/ 793589 w 1354370"/>
                <a:gd name="connsiteY49" fmla="*/ 72584 h 106457"/>
                <a:gd name="connsiteX50" fmla="*/ 793589 w 1354370"/>
                <a:gd name="connsiteY50" fmla="*/ 1613 h 106457"/>
                <a:gd name="connsiteX51" fmla="*/ 811332 w 1354370"/>
                <a:gd name="connsiteY51" fmla="*/ 1613 h 106457"/>
                <a:gd name="connsiteX52" fmla="*/ 811332 w 1354370"/>
                <a:gd name="connsiteY52" fmla="*/ 104844 h 106457"/>
                <a:gd name="connsiteX53" fmla="*/ 795740 w 1354370"/>
                <a:gd name="connsiteY53" fmla="*/ 104844 h 106457"/>
                <a:gd name="connsiteX54" fmla="*/ 738747 w 1354370"/>
                <a:gd name="connsiteY54" fmla="*/ 31722 h 106457"/>
                <a:gd name="connsiteX55" fmla="*/ 738747 w 1354370"/>
                <a:gd name="connsiteY55" fmla="*/ 104844 h 106457"/>
                <a:gd name="connsiteX56" fmla="*/ 721005 w 1354370"/>
                <a:gd name="connsiteY56" fmla="*/ 104844 h 106457"/>
                <a:gd name="connsiteX57" fmla="*/ 721005 w 1354370"/>
                <a:gd name="connsiteY57" fmla="*/ 1613 h 106457"/>
                <a:gd name="connsiteX58" fmla="*/ 925854 w 1354370"/>
                <a:gd name="connsiteY58" fmla="*/ 1613 h 106457"/>
                <a:gd name="connsiteX59" fmla="*/ 944134 w 1354370"/>
                <a:gd name="connsiteY59" fmla="*/ 1613 h 106457"/>
                <a:gd name="connsiteX60" fmla="*/ 944134 w 1354370"/>
                <a:gd name="connsiteY60" fmla="*/ 104844 h 106457"/>
                <a:gd name="connsiteX61" fmla="*/ 925854 w 1354370"/>
                <a:gd name="connsiteY61" fmla="*/ 104844 h 106457"/>
                <a:gd name="connsiteX62" fmla="*/ 925854 w 1354370"/>
                <a:gd name="connsiteY62" fmla="*/ 1613 h 106457"/>
                <a:gd name="connsiteX63" fmla="*/ 1058656 w 1354370"/>
                <a:gd name="connsiteY63" fmla="*/ 1613 h 106457"/>
                <a:gd name="connsiteX64" fmla="*/ 1075324 w 1354370"/>
                <a:gd name="connsiteY64" fmla="*/ 1613 h 106457"/>
                <a:gd name="connsiteX65" fmla="*/ 1130703 w 1354370"/>
                <a:gd name="connsiteY65" fmla="*/ 72584 h 106457"/>
                <a:gd name="connsiteX66" fmla="*/ 1130703 w 1354370"/>
                <a:gd name="connsiteY66" fmla="*/ 1613 h 106457"/>
                <a:gd name="connsiteX67" fmla="*/ 1148446 w 1354370"/>
                <a:gd name="connsiteY67" fmla="*/ 1613 h 106457"/>
                <a:gd name="connsiteX68" fmla="*/ 1148446 w 1354370"/>
                <a:gd name="connsiteY68" fmla="*/ 104844 h 106457"/>
                <a:gd name="connsiteX69" fmla="*/ 1133391 w 1354370"/>
                <a:gd name="connsiteY69" fmla="*/ 104844 h 106457"/>
                <a:gd name="connsiteX70" fmla="*/ 1076399 w 1354370"/>
                <a:gd name="connsiteY70" fmla="*/ 31722 h 106457"/>
                <a:gd name="connsiteX71" fmla="*/ 1076399 w 1354370"/>
                <a:gd name="connsiteY71" fmla="*/ 104844 h 106457"/>
                <a:gd name="connsiteX72" fmla="*/ 1058656 w 1354370"/>
                <a:gd name="connsiteY72" fmla="*/ 104844 h 106457"/>
                <a:gd name="connsiteX73" fmla="*/ 1058656 w 1354370"/>
                <a:gd name="connsiteY73" fmla="*/ 1613 h 106457"/>
                <a:gd name="connsiteX74" fmla="*/ 1257591 w 1354370"/>
                <a:gd name="connsiteY74" fmla="*/ 53766 h 106457"/>
                <a:gd name="connsiteX75" fmla="*/ 1310820 w 1354370"/>
                <a:gd name="connsiteY75" fmla="*/ 0 h 106457"/>
                <a:gd name="connsiteX76" fmla="*/ 1350607 w 1354370"/>
                <a:gd name="connsiteY76" fmla="*/ 13979 h 106457"/>
                <a:gd name="connsiteX77" fmla="*/ 1339316 w 1354370"/>
                <a:gd name="connsiteY77" fmla="*/ 27421 h 106457"/>
                <a:gd name="connsiteX78" fmla="*/ 1310282 w 1354370"/>
                <a:gd name="connsiteY78" fmla="*/ 16130 h 106457"/>
                <a:gd name="connsiteX79" fmla="*/ 1276947 w 1354370"/>
                <a:gd name="connsiteY79" fmla="*/ 52691 h 106457"/>
                <a:gd name="connsiteX80" fmla="*/ 1276947 w 1354370"/>
                <a:gd name="connsiteY80" fmla="*/ 53229 h 106457"/>
                <a:gd name="connsiteX81" fmla="*/ 1311895 w 1354370"/>
                <a:gd name="connsiteY81" fmla="*/ 89789 h 106457"/>
                <a:gd name="connsiteX82" fmla="*/ 1336627 w 1354370"/>
                <a:gd name="connsiteY82" fmla="*/ 81725 h 106457"/>
                <a:gd name="connsiteX83" fmla="*/ 1336627 w 1354370"/>
                <a:gd name="connsiteY83" fmla="*/ 62369 h 106457"/>
                <a:gd name="connsiteX84" fmla="*/ 1310282 w 1354370"/>
                <a:gd name="connsiteY84" fmla="*/ 62369 h 106457"/>
                <a:gd name="connsiteX85" fmla="*/ 1310282 w 1354370"/>
                <a:gd name="connsiteY85" fmla="*/ 47314 h 106457"/>
                <a:gd name="connsiteX86" fmla="*/ 1354370 w 1354370"/>
                <a:gd name="connsiteY86" fmla="*/ 47314 h 106457"/>
                <a:gd name="connsiteX87" fmla="*/ 1354370 w 1354370"/>
                <a:gd name="connsiteY87" fmla="*/ 90327 h 106457"/>
                <a:gd name="connsiteX88" fmla="*/ 1311357 w 1354370"/>
                <a:gd name="connsiteY88" fmla="*/ 106457 h 106457"/>
                <a:gd name="connsiteX89" fmla="*/ 1257591 w 1354370"/>
                <a:gd name="connsiteY89" fmla="*/ 53766 h 1064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 ang="0">
                  <a:pos x="connsiteX76" y="connsiteY76"/>
                </a:cxn>
                <a:cxn ang="0">
                  <a:pos x="connsiteX77" y="connsiteY77"/>
                </a:cxn>
                <a:cxn ang="0">
                  <a:pos x="connsiteX78" y="connsiteY78"/>
                </a:cxn>
                <a:cxn ang="0">
                  <a:pos x="connsiteX79" y="connsiteY79"/>
                </a:cxn>
                <a:cxn ang="0">
                  <a:pos x="connsiteX80" y="connsiteY80"/>
                </a:cxn>
                <a:cxn ang="0">
                  <a:pos x="connsiteX81" y="connsiteY81"/>
                </a:cxn>
                <a:cxn ang="0">
                  <a:pos x="connsiteX82" y="connsiteY82"/>
                </a:cxn>
                <a:cxn ang="0">
                  <a:pos x="connsiteX83" y="connsiteY83"/>
                </a:cxn>
                <a:cxn ang="0">
                  <a:pos x="connsiteX84" y="connsiteY84"/>
                </a:cxn>
                <a:cxn ang="0">
                  <a:pos x="connsiteX85" y="connsiteY85"/>
                </a:cxn>
                <a:cxn ang="0">
                  <a:pos x="connsiteX86" y="connsiteY86"/>
                </a:cxn>
                <a:cxn ang="0">
                  <a:pos x="connsiteX87" y="connsiteY87"/>
                </a:cxn>
                <a:cxn ang="0">
                  <a:pos x="connsiteX88" y="connsiteY88"/>
                </a:cxn>
                <a:cxn ang="0">
                  <a:pos x="connsiteX89" y="connsiteY89"/>
                </a:cxn>
              </a:cxnLst>
              <a:rect l="l" t="t" r="r" b="b"/>
              <a:pathLst>
                <a:path w="1354370" h="106457">
                  <a:moveTo>
                    <a:pt x="32797" y="18818"/>
                  </a:moveTo>
                  <a:lnTo>
                    <a:pt x="0" y="18818"/>
                  </a:lnTo>
                  <a:lnTo>
                    <a:pt x="0" y="2151"/>
                  </a:lnTo>
                  <a:lnTo>
                    <a:pt x="83338" y="2151"/>
                  </a:lnTo>
                  <a:lnTo>
                    <a:pt x="83338" y="18818"/>
                  </a:lnTo>
                  <a:lnTo>
                    <a:pt x="50540" y="18818"/>
                  </a:lnTo>
                  <a:lnTo>
                    <a:pt x="50540" y="104844"/>
                  </a:lnTo>
                  <a:lnTo>
                    <a:pt x="32260" y="104844"/>
                  </a:lnTo>
                  <a:lnTo>
                    <a:pt x="32260" y="18818"/>
                  </a:lnTo>
                  <a:close/>
                  <a:moveTo>
                    <a:pt x="190332" y="1613"/>
                  </a:moveTo>
                  <a:lnTo>
                    <a:pt x="236034" y="1613"/>
                  </a:lnTo>
                  <a:cubicBezTo>
                    <a:pt x="248937" y="1613"/>
                    <a:pt x="259153" y="5377"/>
                    <a:pt x="265605" y="11829"/>
                  </a:cubicBezTo>
                  <a:cubicBezTo>
                    <a:pt x="270982" y="17205"/>
                    <a:pt x="274208" y="25270"/>
                    <a:pt x="274208" y="33873"/>
                  </a:cubicBezTo>
                  <a:lnTo>
                    <a:pt x="274208" y="34410"/>
                  </a:lnTo>
                  <a:cubicBezTo>
                    <a:pt x="274208" y="51078"/>
                    <a:pt x="263992" y="61293"/>
                    <a:pt x="249475" y="65595"/>
                  </a:cubicBezTo>
                  <a:lnTo>
                    <a:pt x="277434" y="104844"/>
                  </a:lnTo>
                  <a:lnTo>
                    <a:pt x="255927" y="104844"/>
                  </a:lnTo>
                  <a:lnTo>
                    <a:pt x="231195" y="68821"/>
                  </a:lnTo>
                  <a:lnTo>
                    <a:pt x="208613" y="68821"/>
                  </a:lnTo>
                  <a:lnTo>
                    <a:pt x="208613" y="104844"/>
                  </a:lnTo>
                  <a:lnTo>
                    <a:pt x="190332" y="104844"/>
                  </a:lnTo>
                  <a:lnTo>
                    <a:pt x="190332" y="1613"/>
                  </a:lnTo>
                  <a:close/>
                  <a:moveTo>
                    <a:pt x="234958" y="52691"/>
                  </a:moveTo>
                  <a:cubicBezTo>
                    <a:pt x="247862" y="52691"/>
                    <a:pt x="255927" y="45701"/>
                    <a:pt x="255927" y="35486"/>
                  </a:cubicBezTo>
                  <a:lnTo>
                    <a:pt x="255927" y="34948"/>
                  </a:lnTo>
                  <a:cubicBezTo>
                    <a:pt x="255927" y="23657"/>
                    <a:pt x="247862" y="17743"/>
                    <a:pt x="234421" y="17743"/>
                  </a:cubicBezTo>
                  <a:lnTo>
                    <a:pt x="208075" y="17743"/>
                  </a:lnTo>
                  <a:lnTo>
                    <a:pt x="208075" y="52691"/>
                  </a:lnTo>
                  <a:lnTo>
                    <a:pt x="234958" y="52691"/>
                  </a:lnTo>
                  <a:close/>
                  <a:moveTo>
                    <a:pt x="420452" y="1075"/>
                  </a:moveTo>
                  <a:lnTo>
                    <a:pt x="437119" y="1075"/>
                  </a:lnTo>
                  <a:lnTo>
                    <a:pt x="482283" y="104844"/>
                  </a:lnTo>
                  <a:lnTo>
                    <a:pt x="462927" y="104844"/>
                  </a:lnTo>
                  <a:lnTo>
                    <a:pt x="452711" y="80112"/>
                  </a:lnTo>
                  <a:lnTo>
                    <a:pt x="403784" y="80112"/>
                  </a:lnTo>
                  <a:lnTo>
                    <a:pt x="393031" y="104844"/>
                  </a:lnTo>
                  <a:lnTo>
                    <a:pt x="374750" y="104844"/>
                  </a:lnTo>
                  <a:lnTo>
                    <a:pt x="420452" y="1075"/>
                  </a:lnTo>
                  <a:close/>
                  <a:moveTo>
                    <a:pt x="446259" y="63982"/>
                  </a:moveTo>
                  <a:lnTo>
                    <a:pt x="428516" y="22582"/>
                  </a:lnTo>
                  <a:lnTo>
                    <a:pt x="410774" y="63982"/>
                  </a:lnTo>
                  <a:lnTo>
                    <a:pt x="446259" y="63982"/>
                  </a:lnTo>
                  <a:close/>
                  <a:moveTo>
                    <a:pt x="588740" y="1613"/>
                  </a:moveTo>
                  <a:lnTo>
                    <a:pt x="607020" y="1613"/>
                  </a:lnTo>
                  <a:lnTo>
                    <a:pt x="607020" y="104844"/>
                  </a:lnTo>
                  <a:lnTo>
                    <a:pt x="588740" y="104844"/>
                  </a:lnTo>
                  <a:lnTo>
                    <a:pt x="588740" y="1613"/>
                  </a:lnTo>
                  <a:close/>
                  <a:moveTo>
                    <a:pt x="721542" y="1613"/>
                  </a:moveTo>
                  <a:lnTo>
                    <a:pt x="738210" y="1613"/>
                  </a:lnTo>
                  <a:lnTo>
                    <a:pt x="793589" y="72584"/>
                  </a:lnTo>
                  <a:lnTo>
                    <a:pt x="793589" y="1613"/>
                  </a:lnTo>
                  <a:lnTo>
                    <a:pt x="811332" y="1613"/>
                  </a:lnTo>
                  <a:lnTo>
                    <a:pt x="811332" y="104844"/>
                  </a:lnTo>
                  <a:lnTo>
                    <a:pt x="795740" y="104844"/>
                  </a:lnTo>
                  <a:lnTo>
                    <a:pt x="738747" y="31722"/>
                  </a:lnTo>
                  <a:lnTo>
                    <a:pt x="738747" y="104844"/>
                  </a:lnTo>
                  <a:lnTo>
                    <a:pt x="721005" y="104844"/>
                  </a:lnTo>
                  <a:lnTo>
                    <a:pt x="721005" y="1613"/>
                  </a:lnTo>
                  <a:close/>
                  <a:moveTo>
                    <a:pt x="925854" y="1613"/>
                  </a:moveTo>
                  <a:lnTo>
                    <a:pt x="944134" y="1613"/>
                  </a:lnTo>
                  <a:lnTo>
                    <a:pt x="944134" y="104844"/>
                  </a:lnTo>
                  <a:lnTo>
                    <a:pt x="925854" y="104844"/>
                  </a:lnTo>
                  <a:lnTo>
                    <a:pt x="925854" y="1613"/>
                  </a:lnTo>
                  <a:close/>
                  <a:moveTo>
                    <a:pt x="1058656" y="1613"/>
                  </a:moveTo>
                  <a:lnTo>
                    <a:pt x="1075324" y="1613"/>
                  </a:lnTo>
                  <a:lnTo>
                    <a:pt x="1130703" y="72584"/>
                  </a:lnTo>
                  <a:lnTo>
                    <a:pt x="1130703" y="1613"/>
                  </a:lnTo>
                  <a:lnTo>
                    <a:pt x="1148446" y="1613"/>
                  </a:lnTo>
                  <a:lnTo>
                    <a:pt x="1148446" y="104844"/>
                  </a:lnTo>
                  <a:lnTo>
                    <a:pt x="1133391" y="104844"/>
                  </a:lnTo>
                  <a:lnTo>
                    <a:pt x="1076399" y="31722"/>
                  </a:lnTo>
                  <a:lnTo>
                    <a:pt x="1076399" y="104844"/>
                  </a:lnTo>
                  <a:lnTo>
                    <a:pt x="1058656" y="104844"/>
                  </a:lnTo>
                  <a:lnTo>
                    <a:pt x="1058656" y="1613"/>
                  </a:lnTo>
                  <a:close/>
                  <a:moveTo>
                    <a:pt x="1257591" y="53766"/>
                  </a:moveTo>
                  <a:cubicBezTo>
                    <a:pt x="1257591" y="24732"/>
                    <a:pt x="1279635" y="0"/>
                    <a:pt x="1310820" y="0"/>
                  </a:cubicBezTo>
                  <a:cubicBezTo>
                    <a:pt x="1328562" y="0"/>
                    <a:pt x="1339853" y="4839"/>
                    <a:pt x="1350607" y="13979"/>
                  </a:cubicBezTo>
                  <a:lnTo>
                    <a:pt x="1339316" y="27421"/>
                  </a:lnTo>
                  <a:cubicBezTo>
                    <a:pt x="1331251" y="20431"/>
                    <a:pt x="1323724" y="16130"/>
                    <a:pt x="1310282" y="16130"/>
                  </a:cubicBezTo>
                  <a:cubicBezTo>
                    <a:pt x="1291464" y="16130"/>
                    <a:pt x="1276947" y="32797"/>
                    <a:pt x="1276947" y="52691"/>
                  </a:cubicBezTo>
                  <a:lnTo>
                    <a:pt x="1276947" y="53229"/>
                  </a:lnTo>
                  <a:cubicBezTo>
                    <a:pt x="1276947" y="74197"/>
                    <a:pt x="1290926" y="89789"/>
                    <a:pt x="1311895" y="89789"/>
                  </a:cubicBezTo>
                  <a:cubicBezTo>
                    <a:pt x="1321573" y="89789"/>
                    <a:pt x="1330175" y="86564"/>
                    <a:pt x="1336627" y="81725"/>
                  </a:cubicBezTo>
                  <a:lnTo>
                    <a:pt x="1336627" y="62369"/>
                  </a:lnTo>
                  <a:lnTo>
                    <a:pt x="1310282" y="62369"/>
                  </a:lnTo>
                  <a:lnTo>
                    <a:pt x="1310282" y="47314"/>
                  </a:lnTo>
                  <a:lnTo>
                    <a:pt x="1354370" y="47314"/>
                  </a:lnTo>
                  <a:lnTo>
                    <a:pt x="1354370" y="90327"/>
                  </a:lnTo>
                  <a:cubicBezTo>
                    <a:pt x="1344155" y="98930"/>
                    <a:pt x="1329638" y="106457"/>
                    <a:pt x="1311357" y="106457"/>
                  </a:cubicBezTo>
                  <a:cubicBezTo>
                    <a:pt x="1278560" y="106457"/>
                    <a:pt x="1257591" y="83875"/>
                    <a:pt x="1257591" y="53766"/>
                  </a:cubicBezTo>
                  <a:close/>
                </a:path>
              </a:pathLst>
            </a:custGeom>
            <a:solidFill>
              <a:srgbClr val="00558C"/>
            </a:solidFill>
            <a:ln w="5369" cap="flat">
              <a:noFill/>
              <a:prstDash val="solid"/>
              <a:miter/>
            </a:ln>
          </p:spPr>
          <p:txBody>
            <a:bodyPr rtlCol="0" anchor="ctr"/>
            <a:lstStyle/>
            <a:p>
              <a:endParaRPr lang="en-IN"/>
            </a:p>
          </p:txBody>
        </p:sp>
        <p:sp>
          <p:nvSpPr>
            <p:cNvPr id="57" name="Freeform: Shape 56">
              <a:extLst>
                <a:ext uri="{FF2B5EF4-FFF2-40B4-BE49-F238E27FC236}">
                  <a16:creationId xmlns:a16="http://schemas.microsoft.com/office/drawing/2014/main" id="{FABEF91E-C6EE-6E3E-C82B-AA40488BF7DB}"/>
                </a:ext>
              </a:extLst>
            </p:cNvPr>
            <p:cNvSpPr/>
            <p:nvPr/>
          </p:nvSpPr>
          <p:spPr>
            <a:xfrm>
              <a:off x="6172399" y="3243243"/>
              <a:ext cx="1350606" cy="106457"/>
            </a:xfrm>
            <a:custGeom>
              <a:avLst/>
              <a:gdLst>
                <a:gd name="connsiteX0" fmla="*/ 538 w 1350606"/>
                <a:gd name="connsiteY0" fmla="*/ 1613 h 106457"/>
                <a:gd name="connsiteX1" fmla="*/ 11829 w 1350606"/>
                <a:gd name="connsiteY1" fmla="*/ 1613 h 106457"/>
                <a:gd name="connsiteX2" fmla="*/ 11829 w 1350606"/>
                <a:gd name="connsiteY2" fmla="*/ 104844 h 106457"/>
                <a:gd name="connsiteX3" fmla="*/ 0 w 1350606"/>
                <a:gd name="connsiteY3" fmla="*/ 104844 h 106457"/>
                <a:gd name="connsiteX4" fmla="*/ 0 w 1350606"/>
                <a:gd name="connsiteY4" fmla="*/ 1613 h 106457"/>
                <a:gd name="connsiteX5" fmla="*/ 126351 w 1350606"/>
                <a:gd name="connsiteY5" fmla="*/ 1613 h 106457"/>
                <a:gd name="connsiteX6" fmla="*/ 137104 w 1350606"/>
                <a:gd name="connsiteY6" fmla="*/ 1613 h 106457"/>
                <a:gd name="connsiteX7" fmla="*/ 202161 w 1350606"/>
                <a:gd name="connsiteY7" fmla="*/ 84413 h 106457"/>
                <a:gd name="connsiteX8" fmla="*/ 202161 w 1350606"/>
                <a:gd name="connsiteY8" fmla="*/ 1613 h 106457"/>
                <a:gd name="connsiteX9" fmla="*/ 213452 w 1350606"/>
                <a:gd name="connsiteY9" fmla="*/ 1613 h 106457"/>
                <a:gd name="connsiteX10" fmla="*/ 213452 w 1350606"/>
                <a:gd name="connsiteY10" fmla="*/ 104844 h 106457"/>
                <a:gd name="connsiteX11" fmla="*/ 204311 w 1350606"/>
                <a:gd name="connsiteY11" fmla="*/ 104844 h 106457"/>
                <a:gd name="connsiteX12" fmla="*/ 137641 w 1350606"/>
                <a:gd name="connsiteY12" fmla="*/ 20431 h 106457"/>
                <a:gd name="connsiteX13" fmla="*/ 137641 w 1350606"/>
                <a:gd name="connsiteY13" fmla="*/ 104844 h 106457"/>
                <a:gd name="connsiteX14" fmla="*/ 126351 w 1350606"/>
                <a:gd name="connsiteY14" fmla="*/ 104844 h 106457"/>
                <a:gd name="connsiteX15" fmla="*/ 126351 w 1350606"/>
                <a:gd name="connsiteY15" fmla="*/ 1613 h 106457"/>
                <a:gd name="connsiteX16" fmla="*/ 326361 w 1350606"/>
                <a:gd name="connsiteY16" fmla="*/ 1613 h 106457"/>
                <a:gd name="connsiteX17" fmla="*/ 361846 w 1350606"/>
                <a:gd name="connsiteY17" fmla="*/ 1613 h 106457"/>
                <a:gd name="connsiteX18" fmla="*/ 416688 w 1350606"/>
                <a:gd name="connsiteY18" fmla="*/ 52691 h 106457"/>
                <a:gd name="connsiteX19" fmla="*/ 416688 w 1350606"/>
                <a:gd name="connsiteY19" fmla="*/ 53229 h 106457"/>
                <a:gd name="connsiteX20" fmla="*/ 361846 w 1350606"/>
                <a:gd name="connsiteY20" fmla="*/ 104844 h 106457"/>
                <a:gd name="connsiteX21" fmla="*/ 326361 w 1350606"/>
                <a:gd name="connsiteY21" fmla="*/ 104844 h 106457"/>
                <a:gd name="connsiteX22" fmla="*/ 326361 w 1350606"/>
                <a:gd name="connsiteY22" fmla="*/ 1613 h 106457"/>
                <a:gd name="connsiteX23" fmla="*/ 362384 w 1350606"/>
                <a:gd name="connsiteY23" fmla="*/ 94091 h 106457"/>
                <a:gd name="connsiteX24" fmla="*/ 404859 w 1350606"/>
                <a:gd name="connsiteY24" fmla="*/ 53766 h 106457"/>
                <a:gd name="connsiteX25" fmla="*/ 404859 w 1350606"/>
                <a:gd name="connsiteY25" fmla="*/ 53229 h 106457"/>
                <a:gd name="connsiteX26" fmla="*/ 362384 w 1350606"/>
                <a:gd name="connsiteY26" fmla="*/ 12366 h 106457"/>
                <a:gd name="connsiteX27" fmla="*/ 338189 w 1350606"/>
                <a:gd name="connsiteY27" fmla="*/ 12366 h 106457"/>
                <a:gd name="connsiteX28" fmla="*/ 338189 w 1350606"/>
                <a:gd name="connsiteY28" fmla="*/ 94091 h 106457"/>
                <a:gd name="connsiteX29" fmla="*/ 362384 w 1350606"/>
                <a:gd name="connsiteY29" fmla="*/ 94091 h 106457"/>
                <a:gd name="connsiteX30" fmla="*/ 524220 w 1350606"/>
                <a:gd name="connsiteY30" fmla="*/ 61293 h 106457"/>
                <a:gd name="connsiteX31" fmla="*/ 524220 w 1350606"/>
                <a:gd name="connsiteY31" fmla="*/ 1613 h 106457"/>
                <a:gd name="connsiteX32" fmla="*/ 536049 w 1350606"/>
                <a:gd name="connsiteY32" fmla="*/ 1613 h 106457"/>
                <a:gd name="connsiteX33" fmla="*/ 536049 w 1350606"/>
                <a:gd name="connsiteY33" fmla="*/ 60756 h 106457"/>
                <a:gd name="connsiteX34" fmla="*/ 567771 w 1350606"/>
                <a:gd name="connsiteY34" fmla="*/ 95704 h 106457"/>
                <a:gd name="connsiteX35" fmla="*/ 598955 w 1350606"/>
                <a:gd name="connsiteY35" fmla="*/ 61831 h 106457"/>
                <a:gd name="connsiteX36" fmla="*/ 598955 w 1350606"/>
                <a:gd name="connsiteY36" fmla="*/ 1613 h 106457"/>
                <a:gd name="connsiteX37" fmla="*/ 610784 w 1350606"/>
                <a:gd name="connsiteY37" fmla="*/ 1613 h 106457"/>
                <a:gd name="connsiteX38" fmla="*/ 610784 w 1350606"/>
                <a:gd name="connsiteY38" fmla="*/ 60756 h 106457"/>
                <a:gd name="connsiteX39" fmla="*/ 567771 w 1350606"/>
                <a:gd name="connsiteY39" fmla="*/ 106457 h 106457"/>
                <a:gd name="connsiteX40" fmla="*/ 524220 w 1350606"/>
                <a:gd name="connsiteY40" fmla="*/ 61293 h 106457"/>
                <a:gd name="connsiteX41" fmla="*/ 714553 w 1350606"/>
                <a:gd name="connsiteY41" fmla="*/ 89790 h 106457"/>
                <a:gd name="connsiteX42" fmla="*/ 721542 w 1350606"/>
                <a:gd name="connsiteY42" fmla="*/ 81187 h 106457"/>
                <a:gd name="connsiteX43" fmla="*/ 757028 w 1350606"/>
                <a:gd name="connsiteY43" fmla="*/ 95704 h 106457"/>
                <a:gd name="connsiteX44" fmla="*/ 780147 w 1350606"/>
                <a:gd name="connsiteY44" fmla="*/ 77961 h 106457"/>
                <a:gd name="connsiteX45" fmla="*/ 780147 w 1350606"/>
                <a:gd name="connsiteY45" fmla="*/ 77423 h 106457"/>
                <a:gd name="connsiteX46" fmla="*/ 753264 w 1350606"/>
                <a:gd name="connsiteY46" fmla="*/ 58067 h 106457"/>
                <a:gd name="connsiteX47" fmla="*/ 718854 w 1350606"/>
                <a:gd name="connsiteY47" fmla="*/ 28496 h 106457"/>
                <a:gd name="connsiteX48" fmla="*/ 718854 w 1350606"/>
                <a:gd name="connsiteY48" fmla="*/ 27958 h 106457"/>
                <a:gd name="connsiteX49" fmla="*/ 752727 w 1350606"/>
                <a:gd name="connsiteY49" fmla="*/ 0 h 106457"/>
                <a:gd name="connsiteX50" fmla="*/ 788750 w 1350606"/>
                <a:gd name="connsiteY50" fmla="*/ 12904 h 106457"/>
                <a:gd name="connsiteX51" fmla="*/ 781760 w 1350606"/>
                <a:gd name="connsiteY51" fmla="*/ 22044 h 106457"/>
                <a:gd name="connsiteX52" fmla="*/ 752189 w 1350606"/>
                <a:gd name="connsiteY52" fmla="*/ 10753 h 106457"/>
                <a:gd name="connsiteX53" fmla="*/ 730145 w 1350606"/>
                <a:gd name="connsiteY53" fmla="*/ 27421 h 106457"/>
                <a:gd name="connsiteX54" fmla="*/ 730145 w 1350606"/>
                <a:gd name="connsiteY54" fmla="*/ 27958 h 106457"/>
                <a:gd name="connsiteX55" fmla="*/ 758103 w 1350606"/>
                <a:gd name="connsiteY55" fmla="*/ 47852 h 106457"/>
                <a:gd name="connsiteX56" fmla="*/ 791438 w 1350606"/>
                <a:gd name="connsiteY56" fmla="*/ 76886 h 106457"/>
                <a:gd name="connsiteX57" fmla="*/ 791438 w 1350606"/>
                <a:gd name="connsiteY57" fmla="*/ 77423 h 106457"/>
                <a:gd name="connsiteX58" fmla="*/ 756490 w 1350606"/>
                <a:gd name="connsiteY58" fmla="*/ 106457 h 106457"/>
                <a:gd name="connsiteX59" fmla="*/ 714553 w 1350606"/>
                <a:gd name="connsiteY59" fmla="*/ 89790 h 106457"/>
                <a:gd name="connsiteX60" fmla="*/ 924778 w 1350606"/>
                <a:gd name="connsiteY60" fmla="*/ 12366 h 106457"/>
                <a:gd name="connsiteX61" fmla="*/ 890368 w 1350606"/>
                <a:gd name="connsiteY61" fmla="*/ 12366 h 106457"/>
                <a:gd name="connsiteX62" fmla="*/ 890368 w 1350606"/>
                <a:gd name="connsiteY62" fmla="*/ 1613 h 106457"/>
                <a:gd name="connsiteX63" fmla="*/ 971017 w 1350606"/>
                <a:gd name="connsiteY63" fmla="*/ 1613 h 106457"/>
                <a:gd name="connsiteX64" fmla="*/ 971017 w 1350606"/>
                <a:gd name="connsiteY64" fmla="*/ 12366 h 106457"/>
                <a:gd name="connsiteX65" fmla="*/ 936607 w 1350606"/>
                <a:gd name="connsiteY65" fmla="*/ 12366 h 106457"/>
                <a:gd name="connsiteX66" fmla="*/ 936607 w 1350606"/>
                <a:gd name="connsiteY66" fmla="*/ 104844 h 106457"/>
                <a:gd name="connsiteX67" fmla="*/ 924778 w 1350606"/>
                <a:gd name="connsiteY67" fmla="*/ 104844 h 106457"/>
                <a:gd name="connsiteX68" fmla="*/ 924778 w 1350606"/>
                <a:gd name="connsiteY68" fmla="*/ 12366 h 106457"/>
                <a:gd name="connsiteX69" fmla="*/ 1076937 w 1350606"/>
                <a:gd name="connsiteY69" fmla="*/ 1613 h 106457"/>
                <a:gd name="connsiteX70" fmla="*/ 1121025 w 1350606"/>
                <a:gd name="connsiteY70" fmla="*/ 1613 h 106457"/>
                <a:gd name="connsiteX71" fmla="*/ 1150059 w 1350606"/>
                <a:gd name="connsiteY71" fmla="*/ 11829 h 106457"/>
                <a:gd name="connsiteX72" fmla="*/ 1158124 w 1350606"/>
                <a:gd name="connsiteY72" fmla="*/ 32260 h 106457"/>
                <a:gd name="connsiteX73" fmla="*/ 1158124 w 1350606"/>
                <a:gd name="connsiteY73" fmla="*/ 32797 h 106457"/>
                <a:gd name="connsiteX74" fmla="*/ 1130165 w 1350606"/>
                <a:gd name="connsiteY74" fmla="*/ 62906 h 106457"/>
                <a:gd name="connsiteX75" fmla="*/ 1161887 w 1350606"/>
                <a:gd name="connsiteY75" fmla="*/ 104844 h 106457"/>
                <a:gd name="connsiteX76" fmla="*/ 1147370 w 1350606"/>
                <a:gd name="connsiteY76" fmla="*/ 104844 h 106457"/>
                <a:gd name="connsiteX77" fmla="*/ 1117261 w 1350606"/>
                <a:gd name="connsiteY77" fmla="*/ 65057 h 106457"/>
                <a:gd name="connsiteX78" fmla="*/ 1087690 w 1350606"/>
                <a:gd name="connsiteY78" fmla="*/ 65057 h 106457"/>
                <a:gd name="connsiteX79" fmla="*/ 1087690 w 1350606"/>
                <a:gd name="connsiteY79" fmla="*/ 104844 h 106457"/>
                <a:gd name="connsiteX80" fmla="*/ 1075861 w 1350606"/>
                <a:gd name="connsiteY80" fmla="*/ 104844 h 106457"/>
                <a:gd name="connsiteX81" fmla="*/ 1075861 w 1350606"/>
                <a:gd name="connsiteY81" fmla="*/ 1613 h 106457"/>
                <a:gd name="connsiteX82" fmla="*/ 1120487 w 1350606"/>
                <a:gd name="connsiteY82" fmla="*/ 54304 h 106457"/>
                <a:gd name="connsiteX83" fmla="*/ 1146833 w 1350606"/>
                <a:gd name="connsiteY83" fmla="*/ 33335 h 106457"/>
                <a:gd name="connsiteX84" fmla="*/ 1146833 w 1350606"/>
                <a:gd name="connsiteY84" fmla="*/ 32797 h 106457"/>
                <a:gd name="connsiteX85" fmla="*/ 1120487 w 1350606"/>
                <a:gd name="connsiteY85" fmla="*/ 12366 h 106457"/>
                <a:gd name="connsiteX86" fmla="*/ 1088765 w 1350606"/>
                <a:gd name="connsiteY86" fmla="*/ 12366 h 106457"/>
                <a:gd name="connsiteX87" fmla="*/ 1088765 w 1350606"/>
                <a:gd name="connsiteY87" fmla="*/ 54304 h 106457"/>
                <a:gd name="connsiteX88" fmla="*/ 1120487 w 1350606"/>
                <a:gd name="connsiteY88" fmla="*/ 54304 h 106457"/>
                <a:gd name="connsiteX89" fmla="*/ 1295765 w 1350606"/>
                <a:gd name="connsiteY89" fmla="*/ 63982 h 106457"/>
                <a:gd name="connsiteX90" fmla="*/ 1252752 w 1350606"/>
                <a:gd name="connsiteY90" fmla="*/ 1613 h 106457"/>
                <a:gd name="connsiteX91" fmla="*/ 1266731 w 1350606"/>
                <a:gd name="connsiteY91" fmla="*/ 1613 h 106457"/>
                <a:gd name="connsiteX92" fmla="*/ 1302217 w 1350606"/>
                <a:gd name="connsiteY92" fmla="*/ 53229 h 106457"/>
                <a:gd name="connsiteX93" fmla="*/ 1337165 w 1350606"/>
                <a:gd name="connsiteY93" fmla="*/ 1613 h 106457"/>
                <a:gd name="connsiteX94" fmla="*/ 1350607 w 1350606"/>
                <a:gd name="connsiteY94" fmla="*/ 1613 h 106457"/>
                <a:gd name="connsiteX95" fmla="*/ 1307594 w 1350606"/>
                <a:gd name="connsiteY95" fmla="*/ 63444 h 106457"/>
                <a:gd name="connsiteX96" fmla="*/ 1307594 w 1350606"/>
                <a:gd name="connsiteY96" fmla="*/ 104306 h 106457"/>
                <a:gd name="connsiteX97" fmla="*/ 1295765 w 1350606"/>
                <a:gd name="connsiteY97" fmla="*/ 104306 h 106457"/>
                <a:gd name="connsiteX98" fmla="*/ 1295765 w 1350606"/>
                <a:gd name="connsiteY98" fmla="*/ 63982 h 1064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 ang="0">
                  <a:pos x="connsiteX76" y="connsiteY76"/>
                </a:cxn>
                <a:cxn ang="0">
                  <a:pos x="connsiteX77" y="connsiteY77"/>
                </a:cxn>
                <a:cxn ang="0">
                  <a:pos x="connsiteX78" y="connsiteY78"/>
                </a:cxn>
                <a:cxn ang="0">
                  <a:pos x="connsiteX79" y="connsiteY79"/>
                </a:cxn>
                <a:cxn ang="0">
                  <a:pos x="connsiteX80" y="connsiteY80"/>
                </a:cxn>
                <a:cxn ang="0">
                  <a:pos x="connsiteX81" y="connsiteY81"/>
                </a:cxn>
                <a:cxn ang="0">
                  <a:pos x="connsiteX82" y="connsiteY82"/>
                </a:cxn>
                <a:cxn ang="0">
                  <a:pos x="connsiteX83" y="connsiteY83"/>
                </a:cxn>
                <a:cxn ang="0">
                  <a:pos x="connsiteX84" y="connsiteY84"/>
                </a:cxn>
                <a:cxn ang="0">
                  <a:pos x="connsiteX85" y="connsiteY85"/>
                </a:cxn>
                <a:cxn ang="0">
                  <a:pos x="connsiteX86" y="connsiteY86"/>
                </a:cxn>
                <a:cxn ang="0">
                  <a:pos x="connsiteX87" y="connsiteY87"/>
                </a:cxn>
                <a:cxn ang="0">
                  <a:pos x="connsiteX88" y="connsiteY88"/>
                </a:cxn>
                <a:cxn ang="0">
                  <a:pos x="connsiteX89" y="connsiteY89"/>
                </a:cxn>
                <a:cxn ang="0">
                  <a:pos x="connsiteX90" y="connsiteY90"/>
                </a:cxn>
                <a:cxn ang="0">
                  <a:pos x="connsiteX91" y="connsiteY91"/>
                </a:cxn>
                <a:cxn ang="0">
                  <a:pos x="connsiteX92" y="connsiteY92"/>
                </a:cxn>
                <a:cxn ang="0">
                  <a:pos x="connsiteX93" y="connsiteY93"/>
                </a:cxn>
                <a:cxn ang="0">
                  <a:pos x="connsiteX94" y="connsiteY94"/>
                </a:cxn>
                <a:cxn ang="0">
                  <a:pos x="connsiteX95" y="connsiteY95"/>
                </a:cxn>
                <a:cxn ang="0">
                  <a:pos x="connsiteX96" y="connsiteY96"/>
                </a:cxn>
                <a:cxn ang="0">
                  <a:pos x="connsiteX97" y="connsiteY97"/>
                </a:cxn>
                <a:cxn ang="0">
                  <a:pos x="connsiteX98" y="connsiteY98"/>
                </a:cxn>
              </a:cxnLst>
              <a:rect l="l" t="t" r="r" b="b"/>
              <a:pathLst>
                <a:path w="1350606" h="106457">
                  <a:moveTo>
                    <a:pt x="538" y="1613"/>
                  </a:moveTo>
                  <a:lnTo>
                    <a:pt x="11829" y="1613"/>
                  </a:lnTo>
                  <a:lnTo>
                    <a:pt x="11829" y="104844"/>
                  </a:lnTo>
                  <a:lnTo>
                    <a:pt x="0" y="104844"/>
                  </a:lnTo>
                  <a:lnTo>
                    <a:pt x="0" y="1613"/>
                  </a:lnTo>
                  <a:close/>
                  <a:moveTo>
                    <a:pt x="126351" y="1613"/>
                  </a:moveTo>
                  <a:lnTo>
                    <a:pt x="137104" y="1613"/>
                  </a:lnTo>
                  <a:lnTo>
                    <a:pt x="202161" y="84413"/>
                  </a:lnTo>
                  <a:lnTo>
                    <a:pt x="202161" y="1613"/>
                  </a:lnTo>
                  <a:lnTo>
                    <a:pt x="213452" y="1613"/>
                  </a:lnTo>
                  <a:lnTo>
                    <a:pt x="213452" y="104844"/>
                  </a:lnTo>
                  <a:lnTo>
                    <a:pt x="204311" y="104844"/>
                  </a:lnTo>
                  <a:lnTo>
                    <a:pt x="137641" y="20431"/>
                  </a:lnTo>
                  <a:lnTo>
                    <a:pt x="137641" y="104844"/>
                  </a:lnTo>
                  <a:lnTo>
                    <a:pt x="126351" y="104844"/>
                  </a:lnTo>
                  <a:lnTo>
                    <a:pt x="126351" y="1613"/>
                  </a:lnTo>
                  <a:close/>
                  <a:moveTo>
                    <a:pt x="326361" y="1613"/>
                  </a:moveTo>
                  <a:lnTo>
                    <a:pt x="361846" y="1613"/>
                  </a:lnTo>
                  <a:cubicBezTo>
                    <a:pt x="394106" y="1613"/>
                    <a:pt x="416688" y="23657"/>
                    <a:pt x="416688" y="52691"/>
                  </a:cubicBezTo>
                  <a:lnTo>
                    <a:pt x="416688" y="53229"/>
                  </a:lnTo>
                  <a:cubicBezTo>
                    <a:pt x="416688" y="82262"/>
                    <a:pt x="394106" y="104844"/>
                    <a:pt x="361846" y="104844"/>
                  </a:cubicBezTo>
                  <a:lnTo>
                    <a:pt x="326361" y="104844"/>
                  </a:lnTo>
                  <a:lnTo>
                    <a:pt x="326361" y="1613"/>
                  </a:lnTo>
                  <a:close/>
                  <a:moveTo>
                    <a:pt x="362384" y="94091"/>
                  </a:moveTo>
                  <a:cubicBezTo>
                    <a:pt x="388192" y="94091"/>
                    <a:pt x="404859" y="76348"/>
                    <a:pt x="404859" y="53766"/>
                  </a:cubicBezTo>
                  <a:lnTo>
                    <a:pt x="404859" y="53229"/>
                  </a:lnTo>
                  <a:cubicBezTo>
                    <a:pt x="404859" y="30647"/>
                    <a:pt x="388192" y="12366"/>
                    <a:pt x="362384" y="12366"/>
                  </a:cubicBezTo>
                  <a:lnTo>
                    <a:pt x="338189" y="12366"/>
                  </a:lnTo>
                  <a:lnTo>
                    <a:pt x="338189" y="94091"/>
                  </a:lnTo>
                  <a:lnTo>
                    <a:pt x="362384" y="94091"/>
                  </a:lnTo>
                  <a:close/>
                  <a:moveTo>
                    <a:pt x="524220" y="61293"/>
                  </a:moveTo>
                  <a:lnTo>
                    <a:pt x="524220" y="1613"/>
                  </a:lnTo>
                  <a:lnTo>
                    <a:pt x="536049" y="1613"/>
                  </a:lnTo>
                  <a:lnTo>
                    <a:pt x="536049" y="60756"/>
                  </a:lnTo>
                  <a:cubicBezTo>
                    <a:pt x="536049" y="82800"/>
                    <a:pt x="547877" y="95704"/>
                    <a:pt x="567771" y="95704"/>
                  </a:cubicBezTo>
                  <a:cubicBezTo>
                    <a:pt x="586589" y="95704"/>
                    <a:pt x="598955" y="84413"/>
                    <a:pt x="598955" y="61831"/>
                  </a:cubicBezTo>
                  <a:lnTo>
                    <a:pt x="598955" y="1613"/>
                  </a:lnTo>
                  <a:lnTo>
                    <a:pt x="610784" y="1613"/>
                  </a:lnTo>
                  <a:lnTo>
                    <a:pt x="610784" y="60756"/>
                  </a:lnTo>
                  <a:cubicBezTo>
                    <a:pt x="610784" y="90865"/>
                    <a:pt x="593579" y="106457"/>
                    <a:pt x="567771" y="106457"/>
                  </a:cubicBezTo>
                  <a:cubicBezTo>
                    <a:pt x="541425" y="106457"/>
                    <a:pt x="524220" y="90865"/>
                    <a:pt x="524220" y="61293"/>
                  </a:cubicBezTo>
                  <a:close/>
                  <a:moveTo>
                    <a:pt x="714553" y="89790"/>
                  </a:moveTo>
                  <a:lnTo>
                    <a:pt x="721542" y="81187"/>
                  </a:lnTo>
                  <a:cubicBezTo>
                    <a:pt x="732295" y="90865"/>
                    <a:pt x="742511" y="95704"/>
                    <a:pt x="757028" y="95704"/>
                  </a:cubicBezTo>
                  <a:cubicBezTo>
                    <a:pt x="771007" y="95704"/>
                    <a:pt x="780147" y="88177"/>
                    <a:pt x="780147" y="77961"/>
                  </a:cubicBezTo>
                  <a:lnTo>
                    <a:pt x="780147" y="77423"/>
                  </a:lnTo>
                  <a:cubicBezTo>
                    <a:pt x="780147" y="67745"/>
                    <a:pt x="774771" y="62369"/>
                    <a:pt x="753264" y="58067"/>
                  </a:cubicBezTo>
                  <a:cubicBezTo>
                    <a:pt x="729607" y="52691"/>
                    <a:pt x="718854" y="45164"/>
                    <a:pt x="718854" y="28496"/>
                  </a:cubicBezTo>
                  <a:lnTo>
                    <a:pt x="718854" y="27958"/>
                  </a:lnTo>
                  <a:cubicBezTo>
                    <a:pt x="718854" y="11829"/>
                    <a:pt x="733371" y="0"/>
                    <a:pt x="752727" y="0"/>
                  </a:cubicBezTo>
                  <a:cubicBezTo>
                    <a:pt x="767781" y="0"/>
                    <a:pt x="778534" y="4301"/>
                    <a:pt x="788750" y="12904"/>
                  </a:cubicBezTo>
                  <a:lnTo>
                    <a:pt x="781760" y="22044"/>
                  </a:lnTo>
                  <a:cubicBezTo>
                    <a:pt x="772082" y="14517"/>
                    <a:pt x="762405" y="10753"/>
                    <a:pt x="752189" y="10753"/>
                  </a:cubicBezTo>
                  <a:cubicBezTo>
                    <a:pt x="738747" y="10753"/>
                    <a:pt x="730145" y="18281"/>
                    <a:pt x="730145" y="27421"/>
                  </a:cubicBezTo>
                  <a:lnTo>
                    <a:pt x="730145" y="27958"/>
                  </a:lnTo>
                  <a:cubicBezTo>
                    <a:pt x="730145" y="37636"/>
                    <a:pt x="735521" y="43013"/>
                    <a:pt x="758103" y="47852"/>
                  </a:cubicBezTo>
                  <a:cubicBezTo>
                    <a:pt x="781223" y="52691"/>
                    <a:pt x="791438" y="61293"/>
                    <a:pt x="791438" y="76886"/>
                  </a:cubicBezTo>
                  <a:lnTo>
                    <a:pt x="791438" y="77423"/>
                  </a:lnTo>
                  <a:cubicBezTo>
                    <a:pt x="791438" y="95166"/>
                    <a:pt x="776921" y="106457"/>
                    <a:pt x="756490" y="106457"/>
                  </a:cubicBezTo>
                  <a:cubicBezTo>
                    <a:pt x="740360" y="105919"/>
                    <a:pt x="726919" y="100543"/>
                    <a:pt x="714553" y="89790"/>
                  </a:cubicBezTo>
                  <a:close/>
                  <a:moveTo>
                    <a:pt x="924778" y="12366"/>
                  </a:moveTo>
                  <a:lnTo>
                    <a:pt x="890368" y="12366"/>
                  </a:lnTo>
                  <a:lnTo>
                    <a:pt x="890368" y="1613"/>
                  </a:lnTo>
                  <a:lnTo>
                    <a:pt x="971017" y="1613"/>
                  </a:lnTo>
                  <a:lnTo>
                    <a:pt x="971017" y="12366"/>
                  </a:lnTo>
                  <a:lnTo>
                    <a:pt x="936607" y="12366"/>
                  </a:lnTo>
                  <a:lnTo>
                    <a:pt x="936607" y="104844"/>
                  </a:lnTo>
                  <a:lnTo>
                    <a:pt x="924778" y="104844"/>
                  </a:lnTo>
                  <a:lnTo>
                    <a:pt x="924778" y="12366"/>
                  </a:lnTo>
                  <a:close/>
                  <a:moveTo>
                    <a:pt x="1076937" y="1613"/>
                  </a:moveTo>
                  <a:lnTo>
                    <a:pt x="1121025" y="1613"/>
                  </a:lnTo>
                  <a:cubicBezTo>
                    <a:pt x="1133929" y="1613"/>
                    <a:pt x="1143607" y="5377"/>
                    <a:pt x="1150059" y="11829"/>
                  </a:cubicBezTo>
                  <a:cubicBezTo>
                    <a:pt x="1154898" y="16668"/>
                    <a:pt x="1158124" y="24195"/>
                    <a:pt x="1158124" y="32260"/>
                  </a:cubicBezTo>
                  <a:lnTo>
                    <a:pt x="1158124" y="32797"/>
                  </a:lnTo>
                  <a:cubicBezTo>
                    <a:pt x="1158124" y="50003"/>
                    <a:pt x="1146295" y="59680"/>
                    <a:pt x="1130165" y="62906"/>
                  </a:cubicBezTo>
                  <a:lnTo>
                    <a:pt x="1161887" y="104844"/>
                  </a:lnTo>
                  <a:lnTo>
                    <a:pt x="1147370" y="104844"/>
                  </a:lnTo>
                  <a:lnTo>
                    <a:pt x="1117261" y="65057"/>
                  </a:lnTo>
                  <a:lnTo>
                    <a:pt x="1087690" y="65057"/>
                  </a:lnTo>
                  <a:lnTo>
                    <a:pt x="1087690" y="104844"/>
                  </a:lnTo>
                  <a:lnTo>
                    <a:pt x="1075861" y="104844"/>
                  </a:lnTo>
                  <a:lnTo>
                    <a:pt x="1075861" y="1613"/>
                  </a:lnTo>
                  <a:close/>
                  <a:moveTo>
                    <a:pt x="1120487" y="54304"/>
                  </a:moveTo>
                  <a:cubicBezTo>
                    <a:pt x="1136080" y="54304"/>
                    <a:pt x="1146833" y="46239"/>
                    <a:pt x="1146833" y="33335"/>
                  </a:cubicBezTo>
                  <a:lnTo>
                    <a:pt x="1146833" y="32797"/>
                  </a:lnTo>
                  <a:cubicBezTo>
                    <a:pt x="1146833" y="19893"/>
                    <a:pt x="1137155" y="12366"/>
                    <a:pt x="1120487" y="12366"/>
                  </a:cubicBezTo>
                  <a:lnTo>
                    <a:pt x="1088765" y="12366"/>
                  </a:lnTo>
                  <a:lnTo>
                    <a:pt x="1088765" y="54304"/>
                  </a:lnTo>
                  <a:lnTo>
                    <a:pt x="1120487" y="54304"/>
                  </a:lnTo>
                  <a:close/>
                  <a:moveTo>
                    <a:pt x="1295765" y="63982"/>
                  </a:moveTo>
                  <a:lnTo>
                    <a:pt x="1252752" y="1613"/>
                  </a:lnTo>
                  <a:lnTo>
                    <a:pt x="1266731" y="1613"/>
                  </a:lnTo>
                  <a:lnTo>
                    <a:pt x="1302217" y="53229"/>
                  </a:lnTo>
                  <a:lnTo>
                    <a:pt x="1337165" y="1613"/>
                  </a:lnTo>
                  <a:lnTo>
                    <a:pt x="1350607" y="1613"/>
                  </a:lnTo>
                  <a:lnTo>
                    <a:pt x="1307594" y="63444"/>
                  </a:lnTo>
                  <a:lnTo>
                    <a:pt x="1307594" y="104306"/>
                  </a:lnTo>
                  <a:lnTo>
                    <a:pt x="1295765" y="104306"/>
                  </a:lnTo>
                  <a:lnTo>
                    <a:pt x="1295765" y="63982"/>
                  </a:lnTo>
                  <a:close/>
                </a:path>
              </a:pathLst>
            </a:custGeom>
            <a:solidFill>
              <a:srgbClr val="81C341"/>
            </a:solidFill>
            <a:ln w="5369" cap="flat">
              <a:noFill/>
              <a:prstDash val="solid"/>
              <a:miter/>
            </a:ln>
          </p:spPr>
          <p:txBody>
            <a:bodyPr rtlCol="0" anchor="ctr"/>
            <a:lstStyle/>
            <a:p>
              <a:endParaRPr lang="en-IN"/>
            </a:p>
          </p:txBody>
        </p:sp>
      </p:grpSp>
      <p:grpSp>
        <p:nvGrpSpPr>
          <p:cNvPr id="58" name="Group 57">
            <a:extLst>
              <a:ext uri="{FF2B5EF4-FFF2-40B4-BE49-F238E27FC236}">
                <a16:creationId xmlns:a16="http://schemas.microsoft.com/office/drawing/2014/main" id="{A2623C01-29BF-164A-3648-6BA5E417F21F}"/>
              </a:ext>
            </a:extLst>
          </p:cNvPr>
          <p:cNvGrpSpPr>
            <a:grpSpLocks noChangeAspect="1"/>
          </p:cNvGrpSpPr>
          <p:nvPr/>
        </p:nvGrpSpPr>
        <p:grpSpPr>
          <a:xfrm>
            <a:off x="4868428" y="2341360"/>
            <a:ext cx="412793" cy="522408"/>
            <a:chOff x="5748550" y="3011511"/>
            <a:chExt cx="310137" cy="392492"/>
          </a:xfrm>
          <a:solidFill>
            <a:schemeClr val="bg1"/>
          </a:solidFill>
        </p:grpSpPr>
        <p:sp>
          <p:nvSpPr>
            <p:cNvPr id="59" name="Freeform: Shape 58">
              <a:extLst>
                <a:ext uri="{FF2B5EF4-FFF2-40B4-BE49-F238E27FC236}">
                  <a16:creationId xmlns:a16="http://schemas.microsoft.com/office/drawing/2014/main" id="{E05A7FFB-FB60-41E5-839B-AFD0B4EFBB17}"/>
                </a:ext>
              </a:extLst>
            </p:cNvPr>
            <p:cNvSpPr/>
            <p:nvPr/>
          </p:nvSpPr>
          <p:spPr>
            <a:xfrm>
              <a:off x="5748550" y="3130379"/>
              <a:ext cx="310137" cy="273624"/>
            </a:xfrm>
            <a:custGeom>
              <a:avLst/>
              <a:gdLst>
                <a:gd name="connsiteX0" fmla="*/ 259325 w 310137"/>
                <a:gd name="connsiteY0" fmla="*/ 3718 h 273624"/>
                <a:gd name="connsiteX1" fmla="*/ 238894 w 310137"/>
                <a:gd name="connsiteY1" fmla="*/ 4793 h 273624"/>
                <a:gd name="connsiteX2" fmla="*/ 235130 w 310137"/>
                <a:gd name="connsiteY2" fmla="*/ 15009 h 273624"/>
                <a:gd name="connsiteX3" fmla="*/ 239969 w 310137"/>
                <a:gd name="connsiteY3" fmla="*/ 24687 h 273624"/>
                <a:gd name="connsiteX4" fmla="*/ 276530 w 310137"/>
                <a:gd name="connsiteY4" fmla="*/ 152113 h 273624"/>
                <a:gd name="connsiteX5" fmla="*/ 216849 w 310137"/>
                <a:gd name="connsiteY5" fmla="*/ 228461 h 273624"/>
                <a:gd name="connsiteX6" fmla="*/ 121146 w 310137"/>
                <a:gd name="connsiteY6" fmla="*/ 240289 h 273624"/>
                <a:gd name="connsiteX7" fmla="*/ 33507 w 310137"/>
                <a:gd name="connsiteY7" fmla="*/ 84905 h 273624"/>
                <a:gd name="connsiteX8" fmla="*/ 69530 w 310137"/>
                <a:gd name="connsiteY8" fmla="*/ 25762 h 273624"/>
                <a:gd name="connsiteX9" fmla="*/ 74369 w 310137"/>
                <a:gd name="connsiteY9" fmla="*/ 15547 h 273624"/>
                <a:gd name="connsiteX10" fmla="*/ 70605 w 310137"/>
                <a:gd name="connsiteY10" fmla="*/ 5331 h 273624"/>
                <a:gd name="connsiteX11" fmla="*/ 50174 w 310137"/>
                <a:gd name="connsiteY11" fmla="*/ 4793 h 273624"/>
                <a:gd name="connsiteX12" fmla="*/ 5548 w 310137"/>
                <a:gd name="connsiteY12" fmla="*/ 76840 h 273624"/>
                <a:gd name="connsiteX13" fmla="*/ 113618 w 310137"/>
                <a:gd name="connsiteY13" fmla="*/ 267710 h 273624"/>
                <a:gd name="connsiteX14" fmla="*/ 155018 w 310137"/>
                <a:gd name="connsiteY14" fmla="*/ 273624 h 273624"/>
                <a:gd name="connsiteX15" fmla="*/ 231366 w 310137"/>
                <a:gd name="connsiteY15" fmla="*/ 253193 h 273624"/>
                <a:gd name="connsiteX16" fmla="*/ 304488 w 310137"/>
                <a:gd name="connsiteY16" fmla="*/ 159640 h 273624"/>
                <a:gd name="connsiteX17" fmla="*/ 259325 w 310137"/>
                <a:gd name="connsiteY17" fmla="*/ 3718 h 27362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Lst>
              <a:rect l="l" t="t" r="r" b="b"/>
              <a:pathLst>
                <a:path w="310137" h="273624">
                  <a:moveTo>
                    <a:pt x="259325" y="3718"/>
                  </a:moveTo>
                  <a:cubicBezTo>
                    <a:pt x="253948" y="-1659"/>
                    <a:pt x="244270" y="-1121"/>
                    <a:pt x="238894" y="4793"/>
                  </a:cubicBezTo>
                  <a:cubicBezTo>
                    <a:pt x="236205" y="7482"/>
                    <a:pt x="235130" y="11245"/>
                    <a:pt x="235130" y="15009"/>
                  </a:cubicBezTo>
                  <a:cubicBezTo>
                    <a:pt x="235130" y="18773"/>
                    <a:pt x="236743" y="22536"/>
                    <a:pt x="239969" y="24687"/>
                  </a:cubicBezTo>
                  <a:cubicBezTo>
                    <a:pt x="275455" y="56947"/>
                    <a:pt x="289434" y="105874"/>
                    <a:pt x="276530" y="152113"/>
                  </a:cubicBezTo>
                  <a:cubicBezTo>
                    <a:pt x="267390" y="184372"/>
                    <a:pt x="246421" y="211793"/>
                    <a:pt x="216849" y="228461"/>
                  </a:cubicBezTo>
                  <a:cubicBezTo>
                    <a:pt x="187816" y="245128"/>
                    <a:pt x="152868" y="249429"/>
                    <a:pt x="121146" y="240289"/>
                  </a:cubicBezTo>
                  <a:cubicBezTo>
                    <a:pt x="54476" y="221471"/>
                    <a:pt x="14689" y="151575"/>
                    <a:pt x="33507" y="84905"/>
                  </a:cubicBezTo>
                  <a:cubicBezTo>
                    <a:pt x="39959" y="62323"/>
                    <a:pt x="52325" y="41892"/>
                    <a:pt x="69530" y="25762"/>
                  </a:cubicBezTo>
                  <a:cubicBezTo>
                    <a:pt x="72218" y="23074"/>
                    <a:pt x="73831" y="19848"/>
                    <a:pt x="74369" y="15547"/>
                  </a:cubicBezTo>
                  <a:cubicBezTo>
                    <a:pt x="74369" y="11783"/>
                    <a:pt x="73294" y="8019"/>
                    <a:pt x="70605" y="5331"/>
                  </a:cubicBezTo>
                  <a:cubicBezTo>
                    <a:pt x="65229" y="-46"/>
                    <a:pt x="56089" y="-583"/>
                    <a:pt x="50174" y="4793"/>
                  </a:cubicBezTo>
                  <a:cubicBezTo>
                    <a:pt x="28668" y="24149"/>
                    <a:pt x="13613" y="49419"/>
                    <a:pt x="5548" y="76840"/>
                  </a:cubicBezTo>
                  <a:cubicBezTo>
                    <a:pt x="-17033" y="159102"/>
                    <a:pt x="31356" y="244590"/>
                    <a:pt x="113618" y="267710"/>
                  </a:cubicBezTo>
                  <a:cubicBezTo>
                    <a:pt x="127060" y="271474"/>
                    <a:pt x="141039" y="273624"/>
                    <a:pt x="155018" y="273624"/>
                  </a:cubicBezTo>
                  <a:cubicBezTo>
                    <a:pt x="181364" y="273624"/>
                    <a:pt x="207709" y="266635"/>
                    <a:pt x="231366" y="253193"/>
                  </a:cubicBezTo>
                  <a:cubicBezTo>
                    <a:pt x="267390" y="232762"/>
                    <a:pt x="293197" y="199427"/>
                    <a:pt x="304488" y="159640"/>
                  </a:cubicBezTo>
                  <a:cubicBezTo>
                    <a:pt x="320081" y="103185"/>
                    <a:pt x="302875" y="43505"/>
                    <a:pt x="259325" y="3718"/>
                  </a:cubicBezTo>
                </a:path>
              </a:pathLst>
            </a:custGeom>
            <a:grpFill/>
            <a:ln w="5369" cap="flat">
              <a:noFill/>
              <a:prstDash val="solid"/>
              <a:miter/>
            </a:ln>
          </p:spPr>
          <p:txBody>
            <a:bodyPr rtlCol="0" anchor="ctr"/>
            <a:lstStyle/>
            <a:p>
              <a:endParaRPr lang="en-IN"/>
            </a:p>
          </p:txBody>
        </p:sp>
        <p:sp>
          <p:nvSpPr>
            <p:cNvPr id="60" name="Freeform: Shape 59">
              <a:extLst>
                <a:ext uri="{FF2B5EF4-FFF2-40B4-BE49-F238E27FC236}">
                  <a16:creationId xmlns:a16="http://schemas.microsoft.com/office/drawing/2014/main" id="{B705CD63-64BC-3C6F-B690-310C4D4E2F92}"/>
                </a:ext>
              </a:extLst>
            </p:cNvPr>
            <p:cNvSpPr/>
            <p:nvPr/>
          </p:nvSpPr>
          <p:spPr>
            <a:xfrm>
              <a:off x="5770228" y="3011511"/>
              <a:ext cx="267755" cy="200010"/>
            </a:xfrm>
            <a:custGeom>
              <a:avLst/>
              <a:gdLst>
                <a:gd name="connsiteX0" fmla="*/ 13442 w 267755"/>
                <a:gd name="connsiteY0" fmla="*/ 90865 h 200010"/>
                <a:gd name="connsiteX1" fmla="*/ 102156 w 267755"/>
                <a:gd name="connsiteY1" fmla="*/ 90865 h 200010"/>
                <a:gd name="connsiteX2" fmla="*/ 102156 w 267755"/>
                <a:gd name="connsiteY2" fmla="*/ 186031 h 200010"/>
                <a:gd name="connsiteX3" fmla="*/ 116135 w 267755"/>
                <a:gd name="connsiteY3" fmla="*/ 200010 h 200010"/>
                <a:gd name="connsiteX4" fmla="*/ 130114 w 267755"/>
                <a:gd name="connsiteY4" fmla="*/ 186031 h 200010"/>
                <a:gd name="connsiteX5" fmla="*/ 130114 w 267755"/>
                <a:gd name="connsiteY5" fmla="*/ 62906 h 200010"/>
                <a:gd name="connsiteX6" fmla="*/ 117748 w 267755"/>
                <a:gd name="connsiteY6" fmla="*/ 62906 h 200010"/>
                <a:gd name="connsiteX7" fmla="*/ 116673 w 267755"/>
                <a:gd name="connsiteY7" fmla="*/ 62906 h 200010"/>
                <a:gd name="connsiteX8" fmla="*/ 13442 w 267755"/>
                <a:gd name="connsiteY8" fmla="*/ 62906 h 200010"/>
                <a:gd name="connsiteX9" fmla="*/ 0 w 267755"/>
                <a:gd name="connsiteY9" fmla="*/ 76886 h 200010"/>
                <a:gd name="connsiteX10" fmla="*/ 13442 w 267755"/>
                <a:gd name="connsiteY10" fmla="*/ 90865 h 200010"/>
                <a:gd name="connsiteX11" fmla="*/ 150008 w 267755"/>
                <a:gd name="connsiteY11" fmla="*/ 62906 h 200010"/>
                <a:gd name="connsiteX12" fmla="*/ 137641 w 267755"/>
                <a:gd name="connsiteY12" fmla="*/ 62906 h 200010"/>
                <a:gd name="connsiteX13" fmla="*/ 137641 w 267755"/>
                <a:gd name="connsiteY13" fmla="*/ 185493 h 200010"/>
                <a:gd name="connsiteX14" fmla="*/ 151621 w 267755"/>
                <a:gd name="connsiteY14" fmla="*/ 199472 h 200010"/>
                <a:gd name="connsiteX15" fmla="*/ 165600 w 267755"/>
                <a:gd name="connsiteY15" fmla="*/ 185493 h 200010"/>
                <a:gd name="connsiteX16" fmla="*/ 165600 w 267755"/>
                <a:gd name="connsiteY16" fmla="*/ 90865 h 200010"/>
                <a:gd name="connsiteX17" fmla="*/ 254314 w 267755"/>
                <a:gd name="connsiteY17" fmla="*/ 90865 h 200010"/>
                <a:gd name="connsiteX18" fmla="*/ 267756 w 267755"/>
                <a:gd name="connsiteY18" fmla="*/ 76886 h 200010"/>
                <a:gd name="connsiteX19" fmla="*/ 254314 w 267755"/>
                <a:gd name="connsiteY19" fmla="*/ 62906 h 200010"/>
                <a:gd name="connsiteX20" fmla="*/ 151083 w 267755"/>
                <a:gd name="connsiteY20" fmla="*/ 62906 h 200010"/>
                <a:gd name="connsiteX21" fmla="*/ 150008 w 267755"/>
                <a:gd name="connsiteY21" fmla="*/ 62906 h 200010"/>
                <a:gd name="connsiteX22" fmla="*/ 133340 w 267755"/>
                <a:gd name="connsiteY22" fmla="*/ 44088 h 200010"/>
                <a:gd name="connsiteX23" fmla="*/ 155384 w 267755"/>
                <a:gd name="connsiteY23" fmla="*/ 22044 h 200010"/>
                <a:gd name="connsiteX24" fmla="*/ 133340 w 267755"/>
                <a:gd name="connsiteY24" fmla="*/ 0 h 200010"/>
                <a:gd name="connsiteX25" fmla="*/ 111296 w 267755"/>
                <a:gd name="connsiteY25" fmla="*/ 22044 h 200010"/>
                <a:gd name="connsiteX26" fmla="*/ 133340 w 267755"/>
                <a:gd name="connsiteY26" fmla="*/ 44088 h 20001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267755" h="200010">
                  <a:moveTo>
                    <a:pt x="13442" y="90865"/>
                  </a:moveTo>
                  <a:lnTo>
                    <a:pt x="102156" y="90865"/>
                  </a:lnTo>
                  <a:lnTo>
                    <a:pt x="102156" y="186031"/>
                  </a:lnTo>
                  <a:cubicBezTo>
                    <a:pt x="102156" y="193558"/>
                    <a:pt x="108608" y="200010"/>
                    <a:pt x="116135" y="200010"/>
                  </a:cubicBezTo>
                  <a:cubicBezTo>
                    <a:pt x="123662" y="200010"/>
                    <a:pt x="130114" y="193558"/>
                    <a:pt x="130114" y="186031"/>
                  </a:cubicBezTo>
                  <a:lnTo>
                    <a:pt x="130114" y="62906"/>
                  </a:lnTo>
                  <a:lnTo>
                    <a:pt x="117748" y="62906"/>
                  </a:lnTo>
                  <a:cubicBezTo>
                    <a:pt x="117210" y="62906"/>
                    <a:pt x="117210" y="62906"/>
                    <a:pt x="116673" y="62906"/>
                  </a:cubicBezTo>
                  <a:lnTo>
                    <a:pt x="13442" y="62906"/>
                  </a:lnTo>
                  <a:cubicBezTo>
                    <a:pt x="5914" y="62906"/>
                    <a:pt x="0" y="69358"/>
                    <a:pt x="0" y="76886"/>
                  </a:cubicBezTo>
                  <a:cubicBezTo>
                    <a:pt x="538" y="84413"/>
                    <a:pt x="6452" y="90865"/>
                    <a:pt x="13442" y="90865"/>
                  </a:cubicBezTo>
                  <a:moveTo>
                    <a:pt x="150008" y="62906"/>
                  </a:moveTo>
                  <a:lnTo>
                    <a:pt x="137641" y="62906"/>
                  </a:lnTo>
                  <a:lnTo>
                    <a:pt x="137641" y="185493"/>
                  </a:lnTo>
                  <a:cubicBezTo>
                    <a:pt x="137641" y="193021"/>
                    <a:pt x="144093" y="199472"/>
                    <a:pt x="151621" y="199472"/>
                  </a:cubicBezTo>
                  <a:cubicBezTo>
                    <a:pt x="159148" y="199472"/>
                    <a:pt x="165600" y="193021"/>
                    <a:pt x="165600" y="185493"/>
                  </a:cubicBezTo>
                  <a:lnTo>
                    <a:pt x="165600" y="90865"/>
                  </a:lnTo>
                  <a:lnTo>
                    <a:pt x="254314" y="90865"/>
                  </a:lnTo>
                  <a:cubicBezTo>
                    <a:pt x="261841" y="90865"/>
                    <a:pt x="267756" y="84413"/>
                    <a:pt x="267756" y="76886"/>
                  </a:cubicBezTo>
                  <a:cubicBezTo>
                    <a:pt x="267756" y="69358"/>
                    <a:pt x="261841" y="62906"/>
                    <a:pt x="254314" y="62906"/>
                  </a:cubicBezTo>
                  <a:lnTo>
                    <a:pt x="151083" y="62906"/>
                  </a:lnTo>
                  <a:cubicBezTo>
                    <a:pt x="150545" y="62906"/>
                    <a:pt x="150545" y="62906"/>
                    <a:pt x="150008" y="62906"/>
                  </a:cubicBezTo>
                  <a:moveTo>
                    <a:pt x="133340" y="44088"/>
                  </a:moveTo>
                  <a:cubicBezTo>
                    <a:pt x="145706" y="44088"/>
                    <a:pt x="155384" y="34410"/>
                    <a:pt x="155384" y="22044"/>
                  </a:cubicBezTo>
                  <a:cubicBezTo>
                    <a:pt x="155384" y="9678"/>
                    <a:pt x="145706" y="0"/>
                    <a:pt x="133340" y="0"/>
                  </a:cubicBezTo>
                  <a:cubicBezTo>
                    <a:pt x="120974" y="0"/>
                    <a:pt x="111296" y="9678"/>
                    <a:pt x="111296" y="22044"/>
                  </a:cubicBezTo>
                  <a:cubicBezTo>
                    <a:pt x="111834" y="34410"/>
                    <a:pt x="121512" y="44088"/>
                    <a:pt x="133340" y="44088"/>
                  </a:cubicBezTo>
                </a:path>
              </a:pathLst>
            </a:custGeom>
            <a:grpFill/>
            <a:ln w="5369" cap="flat">
              <a:noFill/>
              <a:prstDash val="solid"/>
              <a:miter/>
            </a:ln>
          </p:spPr>
          <p:txBody>
            <a:bodyPr rtlCol="0" anchor="ctr"/>
            <a:lstStyle/>
            <a:p>
              <a:endParaRPr lang="en-IN"/>
            </a:p>
          </p:txBody>
        </p:sp>
      </p:grpSp>
      <p:pic>
        <p:nvPicPr>
          <p:cNvPr id="61" name="Picture 60" descr="A yellow line on a black background&#10;&#10;Description automatically generated with medium confidence">
            <a:extLst>
              <a:ext uri="{FF2B5EF4-FFF2-40B4-BE49-F238E27FC236}">
                <a16:creationId xmlns:a16="http://schemas.microsoft.com/office/drawing/2014/main" id="{D99EF633-C836-4A18-01EC-67ACC5B1E7DB}"/>
              </a:ext>
            </a:extLst>
          </p:cNvPr>
          <p:cNvPicPr>
            <a:picLocks noChangeAspect="1"/>
          </p:cNvPicPr>
          <p:nvPr/>
        </p:nvPicPr>
        <p:blipFill rotWithShape="1">
          <a:blip r:embed="rId9" cstate="screen">
            <a:extLst>
              <a:ext uri="{28A0092B-C50C-407E-A947-70E740481C1C}">
                <a14:useLocalDpi xmlns:a14="http://schemas.microsoft.com/office/drawing/2010/main"/>
              </a:ext>
            </a:extLst>
          </a:blip>
          <a:srcRect l="25946" b="33214"/>
          <a:stretch/>
        </p:blipFill>
        <p:spPr>
          <a:xfrm>
            <a:off x="9497094" y="2264099"/>
            <a:ext cx="1565776" cy="610529"/>
          </a:xfrm>
          <a:prstGeom prst="rect">
            <a:avLst/>
          </a:prstGeom>
        </p:spPr>
      </p:pic>
      <p:grpSp>
        <p:nvGrpSpPr>
          <p:cNvPr id="62" name="Graphic 74">
            <a:extLst>
              <a:ext uri="{FF2B5EF4-FFF2-40B4-BE49-F238E27FC236}">
                <a16:creationId xmlns:a16="http://schemas.microsoft.com/office/drawing/2014/main" id="{54DDE609-9306-5259-9315-753812443901}"/>
              </a:ext>
            </a:extLst>
          </p:cNvPr>
          <p:cNvGrpSpPr/>
          <p:nvPr/>
        </p:nvGrpSpPr>
        <p:grpSpPr>
          <a:xfrm>
            <a:off x="1256696" y="2358276"/>
            <a:ext cx="452991" cy="483047"/>
            <a:chOff x="2315925" y="3666829"/>
            <a:chExt cx="452991" cy="483047"/>
          </a:xfrm>
          <a:solidFill>
            <a:schemeClr val="bg1"/>
          </a:solidFill>
        </p:grpSpPr>
        <p:sp>
          <p:nvSpPr>
            <p:cNvPr id="63" name="Freeform: Shape 62">
              <a:extLst>
                <a:ext uri="{FF2B5EF4-FFF2-40B4-BE49-F238E27FC236}">
                  <a16:creationId xmlns:a16="http://schemas.microsoft.com/office/drawing/2014/main" id="{69C29B42-A2A5-A7F5-9E9F-6678976D9460}"/>
                </a:ext>
              </a:extLst>
            </p:cNvPr>
            <p:cNvSpPr/>
            <p:nvPr/>
          </p:nvSpPr>
          <p:spPr>
            <a:xfrm>
              <a:off x="2341687" y="3666829"/>
              <a:ext cx="347079" cy="191072"/>
            </a:xfrm>
            <a:custGeom>
              <a:avLst/>
              <a:gdLst>
                <a:gd name="connsiteX0" fmla="*/ 309151 w 347079"/>
                <a:gd name="connsiteY0" fmla="*/ 117363 h 191072"/>
                <a:gd name="connsiteX1" fmla="*/ 347079 w 347079"/>
                <a:gd name="connsiteY1" fmla="*/ 76572 h 191072"/>
                <a:gd name="connsiteX2" fmla="*/ 224707 w 347079"/>
                <a:gd name="connsiteY2" fmla="*/ 109491 h 191072"/>
                <a:gd name="connsiteX3" fmla="*/ 0 w 347079"/>
                <a:gd name="connsiteY3" fmla="*/ 0 h 191072"/>
                <a:gd name="connsiteX4" fmla="*/ 237588 w 347079"/>
                <a:gd name="connsiteY4" fmla="*/ 191072 h 191072"/>
                <a:gd name="connsiteX5" fmla="*/ 309151 w 347079"/>
                <a:gd name="connsiteY5" fmla="*/ 117363 h 19107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347079" h="191072">
                  <a:moveTo>
                    <a:pt x="309151" y="117363"/>
                  </a:moveTo>
                  <a:cubicBezTo>
                    <a:pt x="324895" y="100188"/>
                    <a:pt x="337776" y="87306"/>
                    <a:pt x="347079" y="76572"/>
                  </a:cubicBezTo>
                  <a:cubicBezTo>
                    <a:pt x="317738" y="78719"/>
                    <a:pt x="276948" y="89453"/>
                    <a:pt x="224707" y="109491"/>
                  </a:cubicBezTo>
                  <a:cubicBezTo>
                    <a:pt x="151713" y="62975"/>
                    <a:pt x="75141" y="25763"/>
                    <a:pt x="0" y="0"/>
                  </a:cubicBezTo>
                  <a:cubicBezTo>
                    <a:pt x="78719" y="45800"/>
                    <a:pt x="160300" y="111638"/>
                    <a:pt x="237588" y="191072"/>
                  </a:cubicBezTo>
                  <a:cubicBezTo>
                    <a:pt x="265498" y="162447"/>
                    <a:pt x="289829" y="138116"/>
                    <a:pt x="309151" y="117363"/>
                  </a:cubicBezTo>
                </a:path>
              </a:pathLst>
            </a:custGeom>
            <a:grpFill/>
            <a:ln w="7121" cap="flat">
              <a:noFill/>
              <a:prstDash val="solid"/>
              <a:miter/>
            </a:ln>
          </p:spPr>
          <p:txBody>
            <a:bodyPr rtlCol="0" anchor="ctr"/>
            <a:lstStyle/>
            <a:p>
              <a:endParaRPr lang="en-IN"/>
            </a:p>
          </p:txBody>
        </p:sp>
        <p:sp>
          <p:nvSpPr>
            <p:cNvPr id="64" name="Freeform: Shape 63">
              <a:extLst>
                <a:ext uri="{FF2B5EF4-FFF2-40B4-BE49-F238E27FC236}">
                  <a16:creationId xmlns:a16="http://schemas.microsoft.com/office/drawing/2014/main" id="{3A367139-CE20-A1AC-793D-CCAE669EED7E}"/>
                </a:ext>
              </a:extLst>
            </p:cNvPr>
            <p:cNvSpPr/>
            <p:nvPr/>
          </p:nvSpPr>
          <p:spPr>
            <a:xfrm>
              <a:off x="2315925" y="3672554"/>
              <a:ext cx="241166" cy="451560"/>
            </a:xfrm>
            <a:custGeom>
              <a:avLst/>
              <a:gdLst>
                <a:gd name="connsiteX0" fmla="*/ 241166 w 241166"/>
                <a:gd name="connsiteY0" fmla="*/ 200375 h 451560"/>
                <a:gd name="connsiteX1" fmla="*/ 4294 w 241166"/>
                <a:gd name="connsiteY1" fmla="*/ 0 h 451560"/>
                <a:gd name="connsiteX2" fmla="*/ 145272 w 241166"/>
                <a:gd name="connsiteY2" fmla="*/ 193219 h 451560"/>
                <a:gd name="connsiteX3" fmla="*/ 145272 w 241166"/>
                <a:gd name="connsiteY3" fmla="*/ 193935 h 451560"/>
                <a:gd name="connsiteX4" fmla="*/ 0 w 241166"/>
                <a:gd name="connsiteY4" fmla="*/ 451560 h 451560"/>
                <a:gd name="connsiteX5" fmla="*/ 241166 w 241166"/>
                <a:gd name="connsiteY5" fmla="*/ 200375 h 451560"/>
                <a:gd name="connsiteX6" fmla="*/ 241166 w 241166"/>
                <a:gd name="connsiteY6" fmla="*/ 200375 h 45156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41166" h="451560">
                  <a:moveTo>
                    <a:pt x="241166" y="200375"/>
                  </a:moveTo>
                  <a:cubicBezTo>
                    <a:pt x="162447" y="118078"/>
                    <a:pt x="80866" y="49378"/>
                    <a:pt x="4294" y="0"/>
                  </a:cubicBezTo>
                  <a:cubicBezTo>
                    <a:pt x="48663" y="50809"/>
                    <a:pt x="96610" y="115931"/>
                    <a:pt x="145272" y="193219"/>
                  </a:cubicBezTo>
                  <a:lnTo>
                    <a:pt x="145272" y="193935"/>
                  </a:lnTo>
                  <a:cubicBezTo>
                    <a:pt x="104482" y="266213"/>
                    <a:pt x="45085" y="372841"/>
                    <a:pt x="0" y="451560"/>
                  </a:cubicBezTo>
                  <a:cubicBezTo>
                    <a:pt x="85160" y="364254"/>
                    <a:pt x="171035" y="274801"/>
                    <a:pt x="241166" y="200375"/>
                  </a:cubicBezTo>
                  <a:lnTo>
                    <a:pt x="241166" y="200375"/>
                  </a:lnTo>
                  <a:close/>
                </a:path>
              </a:pathLst>
            </a:custGeom>
            <a:grpFill/>
            <a:ln w="7121" cap="flat">
              <a:noFill/>
              <a:prstDash val="solid"/>
              <a:miter/>
            </a:ln>
          </p:spPr>
          <p:txBody>
            <a:bodyPr rtlCol="0" anchor="ctr"/>
            <a:lstStyle/>
            <a:p>
              <a:endParaRPr lang="en-IN"/>
            </a:p>
          </p:txBody>
        </p:sp>
        <p:sp>
          <p:nvSpPr>
            <p:cNvPr id="65" name="Freeform: Shape 64">
              <a:extLst>
                <a:ext uri="{FF2B5EF4-FFF2-40B4-BE49-F238E27FC236}">
                  <a16:creationId xmlns:a16="http://schemas.microsoft.com/office/drawing/2014/main" id="{BAA7453D-A928-A6BF-B840-4869D25AC10E}"/>
                </a:ext>
              </a:extLst>
            </p:cNvPr>
            <p:cNvSpPr/>
            <p:nvPr/>
          </p:nvSpPr>
          <p:spPr>
            <a:xfrm>
              <a:off x="2337393" y="3900838"/>
              <a:ext cx="414348" cy="249038"/>
            </a:xfrm>
            <a:custGeom>
              <a:avLst/>
              <a:gdLst>
                <a:gd name="connsiteX0" fmla="*/ 0 w 414348"/>
                <a:gd name="connsiteY0" fmla="*/ 249038 h 249038"/>
                <a:gd name="connsiteX1" fmla="*/ 249754 w 414348"/>
                <a:gd name="connsiteY1" fmla="*/ 99472 h 249038"/>
                <a:gd name="connsiteX2" fmla="*/ 414348 w 414348"/>
                <a:gd name="connsiteY2" fmla="*/ 229716 h 249038"/>
                <a:gd name="connsiteX3" fmla="*/ 243313 w 414348"/>
                <a:gd name="connsiteY3" fmla="*/ 0 h 249038"/>
                <a:gd name="connsiteX4" fmla="*/ 0 w 414348"/>
                <a:gd name="connsiteY4" fmla="*/ 249038 h 249038"/>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14348" h="249038">
                  <a:moveTo>
                    <a:pt x="0" y="249038"/>
                  </a:moveTo>
                  <a:cubicBezTo>
                    <a:pt x="89453" y="198229"/>
                    <a:pt x="173897" y="147419"/>
                    <a:pt x="249754" y="99472"/>
                  </a:cubicBezTo>
                  <a:cubicBezTo>
                    <a:pt x="318454" y="146703"/>
                    <a:pt x="374273" y="190357"/>
                    <a:pt x="414348" y="229716"/>
                  </a:cubicBezTo>
                  <a:cubicBezTo>
                    <a:pt x="376420" y="158869"/>
                    <a:pt x="317738" y="80150"/>
                    <a:pt x="243313" y="0"/>
                  </a:cubicBezTo>
                  <a:cubicBezTo>
                    <a:pt x="172466" y="75856"/>
                    <a:pt x="89453" y="161732"/>
                    <a:pt x="0" y="249038"/>
                  </a:cubicBezTo>
                </a:path>
              </a:pathLst>
            </a:custGeom>
            <a:grpFill/>
            <a:ln w="7121" cap="flat">
              <a:noFill/>
              <a:prstDash val="solid"/>
              <a:miter/>
            </a:ln>
          </p:spPr>
          <p:txBody>
            <a:bodyPr rtlCol="0" anchor="ctr"/>
            <a:lstStyle/>
            <a:p>
              <a:endParaRPr lang="en-IN"/>
            </a:p>
          </p:txBody>
        </p:sp>
        <p:sp>
          <p:nvSpPr>
            <p:cNvPr id="66" name="Freeform: Shape 65">
              <a:extLst>
                <a:ext uri="{FF2B5EF4-FFF2-40B4-BE49-F238E27FC236}">
                  <a16:creationId xmlns:a16="http://schemas.microsoft.com/office/drawing/2014/main" id="{6175D318-58D0-558D-B53C-42FA0B790505}"/>
                </a:ext>
              </a:extLst>
            </p:cNvPr>
            <p:cNvSpPr/>
            <p:nvPr/>
          </p:nvSpPr>
          <p:spPr>
            <a:xfrm>
              <a:off x="2607185" y="3755566"/>
              <a:ext cx="161731" cy="354950"/>
            </a:xfrm>
            <a:custGeom>
              <a:avLst/>
              <a:gdLst>
                <a:gd name="connsiteX0" fmla="*/ 63691 w 161731"/>
                <a:gd name="connsiteY0" fmla="*/ 45800 h 354950"/>
                <a:gd name="connsiteX1" fmla="*/ 98757 w 161731"/>
                <a:gd name="connsiteY1" fmla="*/ 0 h 354950"/>
                <a:gd name="connsiteX2" fmla="*/ 75141 w 161731"/>
                <a:gd name="connsiteY2" fmla="*/ 132391 h 354950"/>
                <a:gd name="connsiteX3" fmla="*/ 161732 w 161731"/>
                <a:gd name="connsiteY3" fmla="*/ 354951 h 354950"/>
                <a:gd name="connsiteX4" fmla="*/ 0 w 161731"/>
                <a:gd name="connsiteY4" fmla="*/ 122372 h 354950"/>
                <a:gd name="connsiteX5" fmla="*/ 63691 w 161731"/>
                <a:gd name="connsiteY5" fmla="*/ 45800 h 35495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61731" h="354950">
                  <a:moveTo>
                    <a:pt x="63691" y="45800"/>
                  </a:moveTo>
                  <a:cubicBezTo>
                    <a:pt x="78719" y="27909"/>
                    <a:pt x="88022" y="13597"/>
                    <a:pt x="98757" y="0"/>
                  </a:cubicBezTo>
                  <a:cubicBezTo>
                    <a:pt x="98757" y="30056"/>
                    <a:pt x="95178" y="74425"/>
                    <a:pt x="75141" y="132391"/>
                  </a:cubicBezTo>
                  <a:cubicBezTo>
                    <a:pt x="111638" y="210394"/>
                    <a:pt x="141694" y="279810"/>
                    <a:pt x="161732" y="354951"/>
                  </a:cubicBezTo>
                  <a:cubicBezTo>
                    <a:pt x="90885" y="218982"/>
                    <a:pt x="30056" y="158869"/>
                    <a:pt x="0" y="122372"/>
                  </a:cubicBezTo>
                  <a:cubicBezTo>
                    <a:pt x="28625" y="88022"/>
                    <a:pt x="40075" y="74425"/>
                    <a:pt x="63691" y="45800"/>
                  </a:cubicBezTo>
                </a:path>
              </a:pathLst>
            </a:custGeom>
            <a:grpFill/>
            <a:ln w="7121" cap="flat">
              <a:noFill/>
              <a:prstDash val="solid"/>
              <a:miter/>
            </a:ln>
          </p:spPr>
          <p:txBody>
            <a:bodyPr rtlCol="0" anchor="ctr"/>
            <a:lstStyle/>
            <a:p>
              <a:endParaRPr lang="en-IN"/>
            </a:p>
          </p:txBody>
        </p:sp>
      </p:grpSp>
      <p:pic>
        <p:nvPicPr>
          <p:cNvPr id="67" name="Picture 66" descr="A yellow line on a black background&#10;&#10;Description automatically generated with medium confidence">
            <a:extLst>
              <a:ext uri="{FF2B5EF4-FFF2-40B4-BE49-F238E27FC236}">
                <a16:creationId xmlns:a16="http://schemas.microsoft.com/office/drawing/2014/main" id="{6565AD23-F9CE-6C91-0BEF-9260A9C3D7D1}"/>
              </a:ext>
            </a:extLst>
          </p:cNvPr>
          <p:cNvPicPr>
            <a:picLocks noChangeAspect="1"/>
          </p:cNvPicPr>
          <p:nvPr/>
        </p:nvPicPr>
        <p:blipFill rotWithShape="1">
          <a:blip r:embed="rId10" cstate="screen">
            <a:duotone>
              <a:schemeClr val="bg2">
                <a:shade val="45000"/>
                <a:satMod val="135000"/>
              </a:schemeClr>
              <a:prstClr val="white"/>
            </a:duotone>
            <a:extLst>
              <a:ext uri="{BEBA8EAE-BF5A-486C-A8C5-ECC9F3942E4B}">
                <a14:imgProps xmlns:a14="http://schemas.microsoft.com/office/drawing/2010/main">
                  <a14:imgLayer r:embed="rId11">
                    <a14:imgEffect>
                      <a14:brightnessContrast bright="100000"/>
                    </a14:imgEffect>
                  </a14:imgLayer>
                </a14:imgProps>
              </a:ext>
              <a:ext uri="{28A0092B-C50C-407E-A947-70E740481C1C}">
                <a14:useLocalDpi xmlns:a14="http://schemas.microsoft.com/office/drawing/2010/main"/>
              </a:ext>
            </a:extLst>
          </a:blip>
          <a:srcRect/>
          <a:stretch/>
        </p:blipFill>
        <p:spPr>
          <a:xfrm>
            <a:off x="8332102" y="2336119"/>
            <a:ext cx="603460" cy="523540"/>
          </a:xfrm>
          <a:prstGeom prst="rect">
            <a:avLst/>
          </a:prstGeom>
        </p:spPr>
      </p:pic>
    </p:spTree>
    <p:extLst>
      <p:ext uri="{BB962C8B-B14F-4D97-AF65-F5344CB8AC3E}">
        <p14:creationId xmlns:p14="http://schemas.microsoft.com/office/powerpoint/2010/main" val="4141507111"/>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5">
            <a:extLst>
              <a:ext uri="{FF2B5EF4-FFF2-40B4-BE49-F238E27FC236}">
                <a16:creationId xmlns:a16="http://schemas.microsoft.com/office/drawing/2014/main" id="{43202407-AD4C-3EA6-0CF8-B712CE50BC74}"/>
              </a:ext>
            </a:extLst>
          </p:cNvPr>
          <p:cNvPicPr>
            <a:picLocks noChangeAspect="1"/>
          </p:cNvPicPr>
          <p:nvPr/>
        </p:nvPicPr>
        <p:blipFill rotWithShape="1">
          <a:blip r:embed="rId2" cstate="screen">
            <a:extLst>
              <a:ext uri="{28A0092B-C50C-407E-A947-70E740481C1C}">
                <a14:useLocalDpi xmlns:a14="http://schemas.microsoft.com/office/drawing/2010/main"/>
              </a:ext>
            </a:extLst>
          </a:blip>
          <a:srcRect l="-7770" r="7770" b="38963"/>
          <a:stretch/>
        </p:blipFill>
        <p:spPr>
          <a:xfrm>
            <a:off x="1077226" y="1"/>
            <a:ext cx="11114774" cy="2875280"/>
          </a:xfrm>
          <a:prstGeom prst="rect">
            <a:avLst/>
          </a:prstGeom>
        </p:spPr>
      </p:pic>
      <p:sp>
        <p:nvSpPr>
          <p:cNvPr id="87" name="Rectangle 86">
            <a:extLst>
              <a:ext uri="{FF2B5EF4-FFF2-40B4-BE49-F238E27FC236}">
                <a16:creationId xmlns:a16="http://schemas.microsoft.com/office/drawing/2014/main" id="{4AE96BC2-F5BE-39AC-8E2E-68E0568510E9}"/>
              </a:ext>
            </a:extLst>
          </p:cNvPr>
          <p:cNvSpPr/>
          <p:nvPr/>
        </p:nvSpPr>
        <p:spPr>
          <a:xfrm>
            <a:off x="0" y="0"/>
            <a:ext cx="6705600" cy="2875280"/>
          </a:xfrm>
          <a:prstGeom prst="rect">
            <a:avLst/>
          </a:prstGeom>
          <a:solidFill>
            <a:srgbClr val="F8F8F8"/>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88" name="Rectangle 87">
            <a:extLst>
              <a:ext uri="{FF2B5EF4-FFF2-40B4-BE49-F238E27FC236}">
                <a16:creationId xmlns:a16="http://schemas.microsoft.com/office/drawing/2014/main" id="{C3D3F0C2-1094-8F5F-0395-882BB9BA1B7E}"/>
              </a:ext>
            </a:extLst>
          </p:cNvPr>
          <p:cNvSpPr/>
          <p:nvPr/>
        </p:nvSpPr>
        <p:spPr>
          <a:xfrm>
            <a:off x="6642495" y="0"/>
            <a:ext cx="1195976" cy="2875280"/>
          </a:xfrm>
          <a:prstGeom prst="rect">
            <a:avLst/>
          </a:prstGeom>
          <a:gradFill flip="none" rotWithShape="1">
            <a:gsLst>
              <a:gs pos="0">
                <a:srgbClr val="F8F8F8"/>
              </a:gs>
              <a:gs pos="100000">
                <a:srgbClr val="F8F8F8">
                  <a:shade val="100000"/>
                  <a:satMod val="115000"/>
                  <a:alpha val="0"/>
                </a:srgbClr>
              </a:gs>
            </a:gsLst>
            <a:lin ang="0" scaled="1"/>
            <a:tileRect/>
          </a:gra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2" name="Title 1">
            <a:extLst>
              <a:ext uri="{FF2B5EF4-FFF2-40B4-BE49-F238E27FC236}">
                <a16:creationId xmlns:a16="http://schemas.microsoft.com/office/drawing/2014/main" id="{4549433F-5B5F-FB0E-8A01-BC024D3C6E79}"/>
              </a:ext>
            </a:extLst>
          </p:cNvPr>
          <p:cNvSpPr>
            <a:spLocks noGrp="1"/>
          </p:cNvSpPr>
          <p:nvPr>
            <p:ph type="title"/>
          </p:nvPr>
        </p:nvSpPr>
        <p:spPr/>
        <p:txBody>
          <a:bodyPr/>
          <a:lstStyle/>
          <a:p>
            <a:r>
              <a:rPr lang="en-IN"/>
              <a:t>APTARA’S TRAINING SOLUTIONS</a:t>
            </a:r>
          </a:p>
        </p:txBody>
      </p:sp>
      <p:sp>
        <p:nvSpPr>
          <p:cNvPr id="3" name="Content Placeholder 2">
            <a:extLst>
              <a:ext uri="{FF2B5EF4-FFF2-40B4-BE49-F238E27FC236}">
                <a16:creationId xmlns:a16="http://schemas.microsoft.com/office/drawing/2014/main" id="{47E8376C-43D2-D78C-3DB3-6684CCB0E2F8}"/>
              </a:ext>
            </a:extLst>
          </p:cNvPr>
          <p:cNvSpPr>
            <a:spLocks noGrp="1"/>
          </p:cNvSpPr>
          <p:nvPr>
            <p:ph idx="4294967295"/>
          </p:nvPr>
        </p:nvSpPr>
        <p:spPr>
          <a:xfrm>
            <a:off x="533401" y="1243013"/>
            <a:ext cx="6448425" cy="1520825"/>
          </a:xfrm>
        </p:spPr>
        <p:txBody>
          <a:bodyPr>
            <a:normAutofit/>
          </a:bodyPr>
          <a:lstStyle/>
          <a:p>
            <a:pPr marL="0" indent="0" fontAlgn="base">
              <a:spcBef>
                <a:spcPts val="600"/>
              </a:spcBef>
              <a:buNone/>
              <a:defRPr/>
            </a:pPr>
            <a:r>
              <a:rPr lang="en-US" sz="1200">
                <a:ea typeface="Roboto Light" panose="02000000000000000000" pitchFamily="2" charset="0"/>
              </a:rPr>
              <a:t>The training catalog also aims at providing enhanced learner experiences and flexibility. It enables organizations to provide continuous learning opportunities, track learner progress, and maintain consistency in training initiatives while offering cost-effective and scalable solutions. </a:t>
            </a:r>
          </a:p>
          <a:p>
            <a:pPr marL="0" indent="0" fontAlgn="base">
              <a:spcBef>
                <a:spcPts val="600"/>
              </a:spcBef>
              <a:buNone/>
              <a:defRPr/>
            </a:pPr>
            <a:r>
              <a:rPr lang="en-US" sz="1200">
                <a:ea typeface="Roboto Light" panose="02000000000000000000" pitchFamily="2" charset="0"/>
              </a:rPr>
              <a:t>Our training catalog prioritizes the incorporation of current learning technologies in our solutions to effectively respond to the ever-changing demands of our industry.</a:t>
            </a:r>
          </a:p>
        </p:txBody>
      </p:sp>
      <p:sp>
        <p:nvSpPr>
          <p:cNvPr id="9" name="TextBox 8">
            <a:extLst>
              <a:ext uri="{FF2B5EF4-FFF2-40B4-BE49-F238E27FC236}">
                <a16:creationId xmlns:a16="http://schemas.microsoft.com/office/drawing/2014/main" id="{B5C03641-82B2-532D-C7B1-D96010935E16}"/>
              </a:ext>
            </a:extLst>
          </p:cNvPr>
          <p:cNvSpPr txBox="1"/>
          <p:nvPr/>
        </p:nvSpPr>
        <p:spPr>
          <a:xfrm>
            <a:off x="457200" y="2502654"/>
            <a:ext cx="6096000" cy="276999"/>
          </a:xfrm>
          <a:prstGeom prst="rect">
            <a:avLst/>
          </a:prstGeom>
          <a:noFill/>
        </p:spPr>
        <p:txBody>
          <a:bodyPr wrap="square">
            <a:spAutoFit/>
          </a:bodyPr>
          <a:lstStyle/>
          <a:p>
            <a:pPr marL="0" indent="0">
              <a:buNone/>
            </a:pPr>
            <a:r>
              <a:rPr lang="en-US" sz="1200" b="1">
                <a:latin typeface="Roboto" panose="02000000000000000000" pitchFamily="2" charset="0"/>
                <a:ea typeface="Roboto" panose="02000000000000000000" pitchFamily="2" charset="0"/>
                <a:cs typeface="Roboto" panose="02000000000000000000" pitchFamily="2" charset="0"/>
              </a:rPr>
              <a:t>Our training offerings include:</a:t>
            </a:r>
          </a:p>
        </p:txBody>
      </p:sp>
      <p:cxnSp>
        <p:nvCxnSpPr>
          <p:cNvPr id="35" name="Straight Connector 34">
            <a:extLst>
              <a:ext uri="{FF2B5EF4-FFF2-40B4-BE49-F238E27FC236}">
                <a16:creationId xmlns:a16="http://schemas.microsoft.com/office/drawing/2014/main" id="{5DF61F25-AB86-1BCA-8F34-E64D983A5F8B}"/>
              </a:ext>
            </a:extLst>
          </p:cNvPr>
          <p:cNvCxnSpPr>
            <a:cxnSpLocks/>
          </p:cNvCxnSpPr>
          <p:nvPr/>
        </p:nvCxnSpPr>
        <p:spPr>
          <a:xfrm>
            <a:off x="2209862" y="2976436"/>
            <a:ext cx="0" cy="3539851"/>
          </a:xfrm>
          <a:prstGeom prst="line">
            <a:avLst/>
          </a:prstGeom>
          <a:ln w="9525">
            <a:solidFill>
              <a:schemeClr val="bg1">
                <a:lumMod val="65000"/>
              </a:schemeClr>
            </a:solidFill>
            <a:prstDash val="sysDot"/>
          </a:ln>
        </p:spPr>
        <p:style>
          <a:lnRef idx="2">
            <a:schemeClr val="accent1"/>
          </a:lnRef>
          <a:fillRef idx="0">
            <a:schemeClr val="accent1"/>
          </a:fillRef>
          <a:effectRef idx="1">
            <a:schemeClr val="accent1"/>
          </a:effectRef>
          <a:fontRef idx="minor">
            <a:schemeClr val="tx1"/>
          </a:fontRef>
        </p:style>
      </p:cxnSp>
      <p:cxnSp>
        <p:nvCxnSpPr>
          <p:cNvPr id="36" name="Straight Connector 35">
            <a:extLst>
              <a:ext uri="{FF2B5EF4-FFF2-40B4-BE49-F238E27FC236}">
                <a16:creationId xmlns:a16="http://schemas.microsoft.com/office/drawing/2014/main" id="{9BECF9D2-21E2-BBEA-0380-6058DAB30954}"/>
              </a:ext>
            </a:extLst>
          </p:cNvPr>
          <p:cNvCxnSpPr>
            <a:cxnSpLocks/>
          </p:cNvCxnSpPr>
          <p:nvPr/>
        </p:nvCxnSpPr>
        <p:spPr>
          <a:xfrm>
            <a:off x="4079302" y="2976436"/>
            <a:ext cx="0" cy="3539851"/>
          </a:xfrm>
          <a:prstGeom prst="line">
            <a:avLst/>
          </a:prstGeom>
          <a:ln w="9525">
            <a:solidFill>
              <a:schemeClr val="bg1">
                <a:lumMod val="65000"/>
              </a:schemeClr>
            </a:solidFill>
            <a:prstDash val="sysDot"/>
          </a:ln>
        </p:spPr>
        <p:style>
          <a:lnRef idx="2">
            <a:schemeClr val="accent1"/>
          </a:lnRef>
          <a:fillRef idx="0">
            <a:schemeClr val="accent1"/>
          </a:fillRef>
          <a:effectRef idx="1">
            <a:schemeClr val="accent1"/>
          </a:effectRef>
          <a:fontRef idx="minor">
            <a:schemeClr val="tx1"/>
          </a:fontRef>
        </p:style>
      </p:cxnSp>
      <p:cxnSp>
        <p:nvCxnSpPr>
          <p:cNvPr id="37" name="Straight Connector 36">
            <a:extLst>
              <a:ext uri="{FF2B5EF4-FFF2-40B4-BE49-F238E27FC236}">
                <a16:creationId xmlns:a16="http://schemas.microsoft.com/office/drawing/2014/main" id="{2F7C7E9F-7C2F-6FE0-B589-CBCF28BAC267}"/>
              </a:ext>
            </a:extLst>
          </p:cNvPr>
          <p:cNvCxnSpPr>
            <a:cxnSpLocks/>
          </p:cNvCxnSpPr>
          <p:nvPr/>
        </p:nvCxnSpPr>
        <p:spPr>
          <a:xfrm>
            <a:off x="6040182" y="2976436"/>
            <a:ext cx="0" cy="3539851"/>
          </a:xfrm>
          <a:prstGeom prst="line">
            <a:avLst/>
          </a:prstGeom>
          <a:ln w="9525">
            <a:solidFill>
              <a:schemeClr val="bg1">
                <a:lumMod val="65000"/>
              </a:schemeClr>
            </a:solidFill>
            <a:prstDash val="sysDot"/>
          </a:ln>
        </p:spPr>
        <p:style>
          <a:lnRef idx="2">
            <a:schemeClr val="accent1"/>
          </a:lnRef>
          <a:fillRef idx="0">
            <a:schemeClr val="accent1"/>
          </a:fillRef>
          <a:effectRef idx="1">
            <a:schemeClr val="accent1"/>
          </a:effectRef>
          <a:fontRef idx="minor">
            <a:schemeClr val="tx1"/>
          </a:fontRef>
        </p:style>
      </p:cxnSp>
      <p:cxnSp>
        <p:nvCxnSpPr>
          <p:cNvPr id="38" name="Straight Connector 37">
            <a:extLst>
              <a:ext uri="{FF2B5EF4-FFF2-40B4-BE49-F238E27FC236}">
                <a16:creationId xmlns:a16="http://schemas.microsoft.com/office/drawing/2014/main" id="{4D606124-4D77-A20C-B2DE-D108158710F1}"/>
              </a:ext>
            </a:extLst>
          </p:cNvPr>
          <p:cNvCxnSpPr>
            <a:cxnSpLocks/>
          </p:cNvCxnSpPr>
          <p:nvPr/>
        </p:nvCxnSpPr>
        <p:spPr>
          <a:xfrm>
            <a:off x="8001062" y="2976436"/>
            <a:ext cx="0" cy="3539851"/>
          </a:xfrm>
          <a:prstGeom prst="line">
            <a:avLst/>
          </a:prstGeom>
          <a:ln w="9525">
            <a:solidFill>
              <a:schemeClr val="bg1">
                <a:lumMod val="65000"/>
              </a:schemeClr>
            </a:solidFill>
            <a:prstDash val="sysDot"/>
          </a:ln>
        </p:spPr>
        <p:style>
          <a:lnRef idx="2">
            <a:schemeClr val="accent1"/>
          </a:lnRef>
          <a:fillRef idx="0">
            <a:schemeClr val="accent1"/>
          </a:fillRef>
          <a:effectRef idx="1">
            <a:schemeClr val="accent1"/>
          </a:effectRef>
          <a:fontRef idx="minor">
            <a:schemeClr val="tx1"/>
          </a:fontRef>
        </p:style>
      </p:cxnSp>
      <p:cxnSp>
        <p:nvCxnSpPr>
          <p:cNvPr id="39" name="Straight Connector 38">
            <a:extLst>
              <a:ext uri="{FF2B5EF4-FFF2-40B4-BE49-F238E27FC236}">
                <a16:creationId xmlns:a16="http://schemas.microsoft.com/office/drawing/2014/main" id="{3B8A2973-8034-5E8A-F17C-C3EE5186D660}"/>
              </a:ext>
            </a:extLst>
          </p:cNvPr>
          <p:cNvCxnSpPr>
            <a:cxnSpLocks/>
          </p:cNvCxnSpPr>
          <p:nvPr/>
        </p:nvCxnSpPr>
        <p:spPr>
          <a:xfrm>
            <a:off x="10002582" y="2976436"/>
            <a:ext cx="0" cy="3539851"/>
          </a:xfrm>
          <a:prstGeom prst="line">
            <a:avLst/>
          </a:prstGeom>
          <a:ln>
            <a:solidFill>
              <a:schemeClr val="bg1">
                <a:lumMod val="65000"/>
              </a:schemeClr>
            </a:solidFill>
            <a:prstDash val="sysDot"/>
          </a:ln>
        </p:spPr>
        <p:style>
          <a:lnRef idx="1">
            <a:schemeClr val="accent1"/>
          </a:lnRef>
          <a:fillRef idx="0">
            <a:schemeClr val="accent1"/>
          </a:fillRef>
          <a:effectRef idx="0">
            <a:schemeClr val="accent1"/>
          </a:effectRef>
          <a:fontRef idx="minor">
            <a:schemeClr val="tx1"/>
          </a:fontRef>
        </p:style>
      </p:cxnSp>
      <p:sp>
        <p:nvSpPr>
          <p:cNvPr id="61" name="TextBox 60">
            <a:extLst>
              <a:ext uri="{FF2B5EF4-FFF2-40B4-BE49-F238E27FC236}">
                <a16:creationId xmlns:a16="http://schemas.microsoft.com/office/drawing/2014/main" id="{0F1D66ED-9C43-7954-A5CC-83A428379620}"/>
              </a:ext>
            </a:extLst>
          </p:cNvPr>
          <p:cNvSpPr txBox="1"/>
          <p:nvPr/>
        </p:nvSpPr>
        <p:spPr>
          <a:xfrm>
            <a:off x="10185915" y="3857562"/>
            <a:ext cx="1727717" cy="2126736"/>
          </a:xfrm>
          <a:prstGeom prst="rect">
            <a:avLst/>
          </a:prstGeom>
          <a:noFill/>
        </p:spPr>
        <p:txBody>
          <a:bodyPr wrap="square">
            <a:spAutoFit/>
          </a:bodyPr>
          <a:lstStyle/>
          <a:p>
            <a:pPr marL="171450" indent="-108000" fontAlgn="base">
              <a:lnSpc>
                <a:spcPct val="120000"/>
              </a:lnSpc>
              <a:spcAft>
                <a:spcPts val="600"/>
              </a:spcAft>
              <a:buClr>
                <a:srgbClr val="0072AE"/>
              </a:buClr>
              <a:buFont typeface="Arial" pitchFamily="34" charset="0"/>
              <a:buChar char="•"/>
              <a:defRPr/>
            </a:pPr>
            <a:r>
              <a:rPr lang="en-US" sz="1000">
                <a:solidFill>
                  <a:srgbClr val="262626"/>
                </a:solidFill>
                <a:latin typeface="+mj-lt"/>
                <a:ea typeface="Roboto Light" pitchFamily="2" charset="0"/>
              </a:rPr>
              <a:t>Higher learner engagement </a:t>
            </a:r>
          </a:p>
          <a:p>
            <a:pPr marL="171450" indent="-108000" fontAlgn="base">
              <a:lnSpc>
                <a:spcPct val="120000"/>
              </a:lnSpc>
              <a:spcAft>
                <a:spcPts val="600"/>
              </a:spcAft>
              <a:buClr>
                <a:srgbClr val="0072AE"/>
              </a:buClr>
              <a:buFont typeface="Arial" pitchFamily="34" charset="0"/>
              <a:buChar char="•"/>
              <a:defRPr/>
            </a:pPr>
            <a:r>
              <a:rPr lang="en-US" sz="1000">
                <a:solidFill>
                  <a:srgbClr val="262626"/>
                </a:solidFill>
                <a:latin typeface="+mj-lt"/>
                <a:ea typeface="Roboto Light" pitchFamily="2" charset="0"/>
              </a:rPr>
              <a:t>Real-world application</a:t>
            </a:r>
          </a:p>
          <a:p>
            <a:pPr marL="171450" indent="-108000" fontAlgn="base">
              <a:lnSpc>
                <a:spcPct val="120000"/>
              </a:lnSpc>
              <a:spcAft>
                <a:spcPts val="600"/>
              </a:spcAft>
              <a:buClr>
                <a:srgbClr val="0072AE"/>
              </a:buClr>
              <a:buFont typeface="Arial" pitchFamily="34" charset="0"/>
              <a:buChar char="•"/>
              <a:defRPr/>
            </a:pPr>
            <a:r>
              <a:rPr lang="en-US" sz="1000">
                <a:solidFill>
                  <a:srgbClr val="262626"/>
                </a:solidFill>
                <a:latin typeface="+mj-lt"/>
                <a:ea typeface="Roboto Light" pitchFamily="2" charset="0"/>
              </a:rPr>
              <a:t>Adaptive learning</a:t>
            </a:r>
          </a:p>
          <a:p>
            <a:pPr marL="171450" indent="-108000" fontAlgn="base">
              <a:lnSpc>
                <a:spcPct val="120000"/>
              </a:lnSpc>
              <a:spcAft>
                <a:spcPts val="600"/>
              </a:spcAft>
              <a:buClr>
                <a:srgbClr val="0072AE"/>
              </a:buClr>
              <a:buFont typeface="Arial" pitchFamily="34" charset="0"/>
              <a:buChar char="•"/>
              <a:defRPr/>
            </a:pPr>
            <a:r>
              <a:rPr lang="en-US" sz="1000">
                <a:solidFill>
                  <a:srgbClr val="262626"/>
                </a:solidFill>
                <a:latin typeface="+mj-lt"/>
                <a:ea typeface="Roboto Light" pitchFamily="2" charset="0"/>
              </a:rPr>
              <a:t>Analytics and performance tracking</a:t>
            </a:r>
          </a:p>
          <a:p>
            <a:pPr marL="171450" indent="-108000" fontAlgn="base">
              <a:lnSpc>
                <a:spcPct val="120000"/>
              </a:lnSpc>
              <a:spcAft>
                <a:spcPts val="600"/>
              </a:spcAft>
              <a:buClr>
                <a:srgbClr val="0072AE"/>
              </a:buClr>
              <a:buFont typeface="Arial" pitchFamily="34" charset="0"/>
              <a:buChar char="•"/>
              <a:defRPr/>
            </a:pPr>
            <a:r>
              <a:rPr lang="en-US" sz="1000">
                <a:solidFill>
                  <a:srgbClr val="262626"/>
                </a:solidFill>
                <a:latin typeface="+mj-lt"/>
                <a:ea typeface="Roboto Light" pitchFamily="2" charset="0"/>
              </a:rPr>
              <a:t>Encourages collaboration and teamwork</a:t>
            </a:r>
          </a:p>
          <a:p>
            <a:pPr marL="171450" indent="-108000" fontAlgn="base">
              <a:lnSpc>
                <a:spcPct val="120000"/>
              </a:lnSpc>
              <a:spcAft>
                <a:spcPts val="600"/>
              </a:spcAft>
              <a:buClr>
                <a:srgbClr val="0072AE"/>
              </a:buClr>
              <a:buFont typeface="Arial" pitchFamily="34" charset="0"/>
              <a:buChar char="•"/>
              <a:defRPr/>
            </a:pPr>
            <a:r>
              <a:rPr lang="en-US" sz="1000">
                <a:solidFill>
                  <a:srgbClr val="262626"/>
                </a:solidFill>
                <a:latin typeface="+mj-lt"/>
                <a:ea typeface="Roboto Light" pitchFamily="2" charset="0"/>
              </a:rPr>
              <a:t>Accessibility and inclusivity</a:t>
            </a:r>
          </a:p>
        </p:txBody>
      </p:sp>
      <p:sp>
        <p:nvSpPr>
          <p:cNvPr id="62" name="TextBox 61">
            <a:extLst>
              <a:ext uri="{FF2B5EF4-FFF2-40B4-BE49-F238E27FC236}">
                <a16:creationId xmlns:a16="http://schemas.microsoft.com/office/drawing/2014/main" id="{1E97A4F3-C56E-8A58-3008-8B78D33E7A4F}"/>
              </a:ext>
            </a:extLst>
          </p:cNvPr>
          <p:cNvSpPr txBox="1"/>
          <p:nvPr/>
        </p:nvSpPr>
        <p:spPr>
          <a:xfrm>
            <a:off x="10241961" y="3452966"/>
            <a:ext cx="1361379" cy="276999"/>
          </a:xfrm>
          <a:prstGeom prst="rect">
            <a:avLst/>
          </a:prstGeom>
          <a:noFill/>
        </p:spPr>
        <p:txBody>
          <a:bodyPr wrap="square" rtlCol="0">
            <a:spAutoFit/>
          </a:bodyPr>
          <a:lstStyle>
            <a:defPPr>
              <a:defRPr lang="en-US"/>
            </a:defPPr>
            <a:lvl1pPr>
              <a:defRPr sz="1100">
                <a:solidFill>
                  <a:srgbClr val="0085BE"/>
                </a:solidFill>
                <a:latin typeface="Roboto" panose="02000000000000000000" pitchFamily="2" charset="0"/>
                <a:ea typeface="Roboto" panose="02000000000000000000" pitchFamily="2" charset="0"/>
              </a:defRPr>
            </a:lvl1pPr>
          </a:lstStyle>
          <a:p>
            <a:r>
              <a:rPr lang="en-IN" sz="1200">
                <a:latin typeface="+mn-lt"/>
              </a:rPr>
              <a:t>AR/VR</a:t>
            </a:r>
          </a:p>
        </p:txBody>
      </p:sp>
      <p:sp>
        <p:nvSpPr>
          <p:cNvPr id="63" name="TextBox 62">
            <a:extLst>
              <a:ext uri="{FF2B5EF4-FFF2-40B4-BE49-F238E27FC236}">
                <a16:creationId xmlns:a16="http://schemas.microsoft.com/office/drawing/2014/main" id="{0C3EF2EF-0A5C-D832-C137-328D5E3D807B}"/>
              </a:ext>
            </a:extLst>
          </p:cNvPr>
          <p:cNvSpPr txBox="1"/>
          <p:nvPr/>
        </p:nvSpPr>
        <p:spPr>
          <a:xfrm>
            <a:off x="8076071" y="3857562"/>
            <a:ext cx="1845733" cy="2757678"/>
          </a:xfrm>
          <a:prstGeom prst="rect">
            <a:avLst/>
          </a:prstGeom>
          <a:noFill/>
        </p:spPr>
        <p:txBody>
          <a:bodyPr wrap="square">
            <a:spAutoFit/>
          </a:bodyPr>
          <a:lstStyle/>
          <a:p>
            <a:pPr marL="171450" indent="-108000" fontAlgn="base">
              <a:lnSpc>
                <a:spcPct val="120000"/>
              </a:lnSpc>
              <a:spcAft>
                <a:spcPts val="600"/>
              </a:spcAft>
              <a:buClr>
                <a:srgbClr val="0072AE"/>
              </a:buClr>
              <a:buFont typeface="Arial" pitchFamily="34" charset="0"/>
              <a:buChar char="•"/>
              <a:defRPr/>
            </a:pPr>
            <a:r>
              <a:rPr lang="en-US" sz="1000">
                <a:solidFill>
                  <a:srgbClr val="262626"/>
                </a:solidFill>
                <a:latin typeface="+mj-lt"/>
                <a:ea typeface="Roboto Light" pitchFamily="2" charset="0"/>
              </a:rPr>
              <a:t>Personalized learning experiences</a:t>
            </a:r>
          </a:p>
          <a:p>
            <a:pPr marL="171450" indent="-108000" fontAlgn="base">
              <a:lnSpc>
                <a:spcPct val="120000"/>
              </a:lnSpc>
              <a:spcAft>
                <a:spcPts val="600"/>
              </a:spcAft>
              <a:buClr>
                <a:srgbClr val="0072AE"/>
              </a:buClr>
              <a:buFont typeface="Arial" pitchFamily="34" charset="0"/>
              <a:buChar char="•"/>
              <a:defRPr/>
            </a:pPr>
            <a:r>
              <a:rPr lang="en-US" sz="1000">
                <a:solidFill>
                  <a:srgbClr val="262626"/>
                </a:solidFill>
                <a:latin typeface="+mj-lt"/>
                <a:ea typeface="Roboto Light" pitchFamily="2" charset="0"/>
              </a:rPr>
              <a:t>Real-time feedback and assessment</a:t>
            </a:r>
          </a:p>
          <a:p>
            <a:pPr marL="171450" indent="-108000" fontAlgn="base">
              <a:lnSpc>
                <a:spcPct val="120000"/>
              </a:lnSpc>
              <a:spcAft>
                <a:spcPts val="600"/>
              </a:spcAft>
              <a:buClr>
                <a:srgbClr val="0072AE"/>
              </a:buClr>
              <a:buFont typeface="Arial" pitchFamily="34" charset="0"/>
              <a:buChar char="•"/>
              <a:defRPr/>
            </a:pPr>
            <a:r>
              <a:rPr lang="en-US" sz="1000">
                <a:solidFill>
                  <a:srgbClr val="262626"/>
                </a:solidFill>
                <a:latin typeface="+mj-lt"/>
                <a:ea typeface="Roboto Light" pitchFamily="2" charset="0"/>
              </a:rPr>
              <a:t>Data-driven insights and analytics</a:t>
            </a:r>
          </a:p>
          <a:p>
            <a:pPr marL="171450" indent="-108000" fontAlgn="base">
              <a:lnSpc>
                <a:spcPct val="120000"/>
              </a:lnSpc>
              <a:spcAft>
                <a:spcPts val="600"/>
              </a:spcAft>
              <a:buClr>
                <a:srgbClr val="0072AE"/>
              </a:buClr>
              <a:buFont typeface="Arial" pitchFamily="34" charset="0"/>
              <a:buChar char="•"/>
              <a:defRPr/>
            </a:pPr>
            <a:r>
              <a:rPr lang="en-US" sz="1000">
                <a:solidFill>
                  <a:srgbClr val="262626"/>
                </a:solidFill>
                <a:latin typeface="+mj-lt"/>
                <a:ea typeface="Roboto Light" pitchFamily="2" charset="0"/>
              </a:rPr>
              <a:t>Continuous learning and upskilling</a:t>
            </a:r>
          </a:p>
          <a:p>
            <a:pPr marL="171450" indent="-108000" fontAlgn="base">
              <a:lnSpc>
                <a:spcPct val="120000"/>
              </a:lnSpc>
              <a:spcAft>
                <a:spcPts val="600"/>
              </a:spcAft>
              <a:buClr>
                <a:srgbClr val="0072AE"/>
              </a:buClr>
              <a:buFont typeface="Arial" pitchFamily="34" charset="0"/>
              <a:buChar char="•"/>
              <a:defRPr/>
            </a:pPr>
            <a:r>
              <a:rPr lang="en-US" sz="1000">
                <a:solidFill>
                  <a:srgbClr val="262626"/>
                </a:solidFill>
                <a:latin typeface="+mj-lt"/>
                <a:ea typeface="Roboto Light" pitchFamily="2" charset="0"/>
              </a:rPr>
              <a:t>Higher learner motivation and engagement </a:t>
            </a:r>
          </a:p>
          <a:p>
            <a:pPr marL="171450" indent="-108000" fontAlgn="base">
              <a:lnSpc>
                <a:spcPct val="120000"/>
              </a:lnSpc>
              <a:spcAft>
                <a:spcPts val="600"/>
              </a:spcAft>
              <a:buClr>
                <a:srgbClr val="0072AE"/>
              </a:buClr>
              <a:buFont typeface="Arial" pitchFamily="34" charset="0"/>
              <a:buChar char="•"/>
              <a:defRPr/>
            </a:pPr>
            <a:endParaRPr lang="en-US" sz="1000">
              <a:solidFill>
                <a:srgbClr val="262626"/>
              </a:solidFill>
              <a:latin typeface="+mj-lt"/>
              <a:ea typeface="Roboto Light" pitchFamily="2" charset="0"/>
            </a:endParaRPr>
          </a:p>
          <a:p>
            <a:pPr marL="171450" indent="-108000" fontAlgn="base">
              <a:lnSpc>
                <a:spcPct val="120000"/>
              </a:lnSpc>
              <a:spcAft>
                <a:spcPts val="600"/>
              </a:spcAft>
              <a:buClr>
                <a:srgbClr val="0072AE"/>
              </a:buClr>
              <a:buFont typeface="Arial" pitchFamily="34" charset="0"/>
              <a:buChar char="•"/>
              <a:defRPr/>
            </a:pPr>
            <a:endParaRPr lang="en-US" sz="1000">
              <a:solidFill>
                <a:srgbClr val="262626"/>
              </a:solidFill>
              <a:latin typeface="+mj-lt"/>
              <a:ea typeface="Roboto Light" pitchFamily="2" charset="0"/>
            </a:endParaRPr>
          </a:p>
        </p:txBody>
      </p:sp>
      <p:sp>
        <p:nvSpPr>
          <p:cNvPr id="64" name="TextBox 63">
            <a:extLst>
              <a:ext uri="{FF2B5EF4-FFF2-40B4-BE49-F238E27FC236}">
                <a16:creationId xmlns:a16="http://schemas.microsoft.com/office/drawing/2014/main" id="{77954E13-CA12-FF75-DC73-430A9D1CC0C2}"/>
              </a:ext>
            </a:extLst>
          </p:cNvPr>
          <p:cNvSpPr txBox="1"/>
          <p:nvPr/>
        </p:nvSpPr>
        <p:spPr>
          <a:xfrm>
            <a:off x="8124920" y="3452966"/>
            <a:ext cx="1293400" cy="461665"/>
          </a:xfrm>
          <a:prstGeom prst="rect">
            <a:avLst/>
          </a:prstGeom>
          <a:noFill/>
        </p:spPr>
        <p:txBody>
          <a:bodyPr wrap="square" rtlCol="0">
            <a:spAutoFit/>
          </a:bodyPr>
          <a:lstStyle>
            <a:defPPr>
              <a:defRPr lang="en-US"/>
            </a:defPPr>
            <a:lvl1pPr>
              <a:defRPr sz="1100">
                <a:solidFill>
                  <a:srgbClr val="0085BE"/>
                </a:solidFill>
                <a:latin typeface="Roboto" panose="02000000000000000000" pitchFamily="2" charset="0"/>
                <a:ea typeface="Roboto" panose="02000000000000000000" pitchFamily="2" charset="0"/>
              </a:defRPr>
            </a:lvl1pPr>
          </a:lstStyle>
          <a:p>
            <a:r>
              <a:rPr lang="en-IN" sz="1200">
                <a:latin typeface="+mn-lt"/>
              </a:rPr>
              <a:t>Artificial Intelligence</a:t>
            </a:r>
          </a:p>
        </p:txBody>
      </p:sp>
      <p:sp>
        <p:nvSpPr>
          <p:cNvPr id="65" name="TextBox 64">
            <a:extLst>
              <a:ext uri="{FF2B5EF4-FFF2-40B4-BE49-F238E27FC236}">
                <a16:creationId xmlns:a16="http://schemas.microsoft.com/office/drawing/2014/main" id="{28CF0A41-2B0E-A8D7-0F65-2E57E728FC33}"/>
              </a:ext>
            </a:extLst>
          </p:cNvPr>
          <p:cNvSpPr txBox="1"/>
          <p:nvPr/>
        </p:nvSpPr>
        <p:spPr>
          <a:xfrm>
            <a:off x="6060871" y="3857562"/>
            <a:ext cx="1928610" cy="1895904"/>
          </a:xfrm>
          <a:prstGeom prst="rect">
            <a:avLst/>
          </a:prstGeom>
          <a:noFill/>
        </p:spPr>
        <p:txBody>
          <a:bodyPr wrap="square">
            <a:spAutoFit/>
          </a:bodyPr>
          <a:lstStyle/>
          <a:p>
            <a:pPr marL="171450" indent="-108000" fontAlgn="base">
              <a:lnSpc>
                <a:spcPct val="120000"/>
              </a:lnSpc>
              <a:spcAft>
                <a:spcPts val="600"/>
              </a:spcAft>
              <a:buClr>
                <a:srgbClr val="0072AE"/>
              </a:buClr>
              <a:buFont typeface="Arial" pitchFamily="34" charset="0"/>
              <a:buChar char="•"/>
              <a:defRPr/>
            </a:pPr>
            <a:r>
              <a:rPr lang="en-US" sz="1000">
                <a:solidFill>
                  <a:srgbClr val="262626"/>
                </a:solidFill>
                <a:latin typeface="+mj-lt"/>
                <a:ea typeface="Roboto Light" pitchFamily="2" charset="0"/>
              </a:rPr>
              <a:t>One-size-fits-all never works with learning</a:t>
            </a:r>
          </a:p>
          <a:p>
            <a:pPr marL="171450" indent="-108000" fontAlgn="base">
              <a:lnSpc>
                <a:spcPct val="120000"/>
              </a:lnSpc>
              <a:spcAft>
                <a:spcPts val="600"/>
              </a:spcAft>
              <a:buClr>
                <a:srgbClr val="0072AE"/>
              </a:buClr>
              <a:buFont typeface="Arial" pitchFamily="34" charset="0"/>
              <a:buChar char="•"/>
              <a:defRPr/>
            </a:pPr>
            <a:r>
              <a:rPr lang="en-US" sz="1000">
                <a:solidFill>
                  <a:srgbClr val="262626"/>
                </a:solidFill>
                <a:latin typeface="+mj-lt"/>
                <a:ea typeface="Roboto Light" pitchFamily="2" charset="0"/>
              </a:rPr>
              <a:t>Mandatory certification and refresher trainings have become a great burden for many organizations</a:t>
            </a:r>
          </a:p>
          <a:p>
            <a:pPr marL="171450" indent="-108000" fontAlgn="base">
              <a:lnSpc>
                <a:spcPct val="120000"/>
              </a:lnSpc>
              <a:spcAft>
                <a:spcPts val="600"/>
              </a:spcAft>
              <a:buClr>
                <a:srgbClr val="0072AE"/>
              </a:buClr>
              <a:buFont typeface="Arial" pitchFamily="34" charset="0"/>
              <a:buChar char="•"/>
              <a:defRPr/>
            </a:pPr>
            <a:r>
              <a:rPr lang="en-US" sz="1000">
                <a:solidFill>
                  <a:srgbClr val="262626"/>
                </a:solidFill>
                <a:latin typeface="+mj-lt"/>
                <a:ea typeface="Roboto Light" pitchFamily="2" charset="0"/>
              </a:rPr>
              <a:t>Leveraging on adaptive learning can dynamically personalize training </a:t>
            </a:r>
          </a:p>
        </p:txBody>
      </p:sp>
      <p:sp>
        <p:nvSpPr>
          <p:cNvPr id="66" name="TextBox 65">
            <a:extLst>
              <a:ext uri="{FF2B5EF4-FFF2-40B4-BE49-F238E27FC236}">
                <a16:creationId xmlns:a16="http://schemas.microsoft.com/office/drawing/2014/main" id="{CF9C2F65-6D46-9B4D-C423-151279F1A49C}"/>
              </a:ext>
            </a:extLst>
          </p:cNvPr>
          <p:cNvSpPr txBox="1"/>
          <p:nvPr/>
        </p:nvSpPr>
        <p:spPr>
          <a:xfrm>
            <a:off x="4091944" y="3857562"/>
            <a:ext cx="1784146" cy="1942070"/>
          </a:xfrm>
          <a:prstGeom prst="rect">
            <a:avLst/>
          </a:prstGeom>
          <a:noFill/>
        </p:spPr>
        <p:txBody>
          <a:bodyPr wrap="square">
            <a:spAutoFit/>
          </a:bodyPr>
          <a:lstStyle/>
          <a:p>
            <a:pPr marL="63450" fontAlgn="base">
              <a:lnSpc>
                <a:spcPct val="120000"/>
              </a:lnSpc>
              <a:spcAft>
                <a:spcPts val="600"/>
              </a:spcAft>
              <a:buClr>
                <a:srgbClr val="0072AE"/>
              </a:buClr>
              <a:defRPr/>
            </a:pPr>
            <a:r>
              <a:rPr lang="en-US" sz="1000">
                <a:solidFill>
                  <a:srgbClr val="262626"/>
                </a:solidFill>
                <a:latin typeface="+mj-lt"/>
                <a:ea typeface="Roboto Light" pitchFamily="2" charset="0"/>
              </a:rPr>
              <a:t>Learning using self-contained, small chunks or bits of learning assets can cater to:</a:t>
            </a:r>
          </a:p>
          <a:p>
            <a:pPr marL="171450" indent="-108000" fontAlgn="base">
              <a:lnSpc>
                <a:spcPct val="120000"/>
              </a:lnSpc>
              <a:spcAft>
                <a:spcPts val="600"/>
              </a:spcAft>
              <a:buClr>
                <a:srgbClr val="0072AE"/>
              </a:buClr>
              <a:buFont typeface="Arial" pitchFamily="34" charset="0"/>
              <a:buChar char="•"/>
              <a:defRPr/>
            </a:pPr>
            <a:r>
              <a:rPr lang="en-US" sz="1000">
                <a:solidFill>
                  <a:srgbClr val="262626"/>
                </a:solidFill>
                <a:latin typeface="+mj-lt"/>
                <a:ea typeface="Roboto Light" pitchFamily="2" charset="0"/>
              </a:rPr>
              <a:t>Just-in-Time Learning</a:t>
            </a:r>
          </a:p>
          <a:p>
            <a:pPr marL="171450" indent="-108000" fontAlgn="base">
              <a:lnSpc>
                <a:spcPct val="120000"/>
              </a:lnSpc>
              <a:spcAft>
                <a:spcPts val="600"/>
              </a:spcAft>
              <a:buClr>
                <a:srgbClr val="0072AE"/>
              </a:buClr>
              <a:buFont typeface="Arial" pitchFamily="34" charset="0"/>
              <a:buChar char="•"/>
              <a:defRPr/>
            </a:pPr>
            <a:r>
              <a:rPr lang="en-US" sz="1000">
                <a:solidFill>
                  <a:srgbClr val="262626"/>
                </a:solidFill>
                <a:latin typeface="+mj-lt"/>
                <a:ea typeface="Roboto Light" pitchFamily="2" charset="0"/>
              </a:rPr>
              <a:t>Contextual Learning</a:t>
            </a:r>
          </a:p>
          <a:p>
            <a:pPr marL="171450" indent="-108000" fontAlgn="base">
              <a:lnSpc>
                <a:spcPct val="120000"/>
              </a:lnSpc>
              <a:spcAft>
                <a:spcPts val="600"/>
              </a:spcAft>
              <a:buClr>
                <a:srgbClr val="0072AE"/>
              </a:buClr>
              <a:buFont typeface="Arial" pitchFamily="34" charset="0"/>
              <a:buChar char="•"/>
              <a:defRPr/>
            </a:pPr>
            <a:r>
              <a:rPr lang="en-US" sz="1000">
                <a:solidFill>
                  <a:srgbClr val="262626"/>
                </a:solidFill>
                <a:latin typeface="+mj-lt"/>
                <a:ea typeface="Roboto Light" pitchFamily="2" charset="0"/>
              </a:rPr>
              <a:t>Adaptive Learning</a:t>
            </a:r>
          </a:p>
          <a:p>
            <a:pPr marL="171450" indent="-108000" fontAlgn="base">
              <a:lnSpc>
                <a:spcPct val="120000"/>
              </a:lnSpc>
              <a:spcAft>
                <a:spcPts val="600"/>
              </a:spcAft>
              <a:buClr>
                <a:srgbClr val="0072AE"/>
              </a:buClr>
              <a:buFont typeface="Arial" pitchFamily="34" charset="0"/>
              <a:buChar char="•"/>
              <a:defRPr/>
            </a:pPr>
            <a:r>
              <a:rPr lang="en-US" sz="1000">
                <a:solidFill>
                  <a:srgbClr val="262626"/>
                </a:solidFill>
                <a:latin typeface="+mj-lt"/>
                <a:ea typeface="Roboto Light" pitchFamily="2" charset="0"/>
              </a:rPr>
              <a:t>Social Learning</a:t>
            </a:r>
          </a:p>
          <a:p>
            <a:pPr marL="171450" indent="-108000" fontAlgn="base">
              <a:lnSpc>
                <a:spcPct val="120000"/>
              </a:lnSpc>
              <a:spcAft>
                <a:spcPts val="600"/>
              </a:spcAft>
              <a:buClr>
                <a:srgbClr val="0072AE"/>
              </a:buClr>
              <a:buFont typeface="Arial" pitchFamily="34" charset="0"/>
              <a:buChar char="•"/>
              <a:defRPr/>
            </a:pPr>
            <a:r>
              <a:rPr lang="en-US" sz="1000">
                <a:solidFill>
                  <a:srgbClr val="262626"/>
                </a:solidFill>
                <a:latin typeface="+mj-lt"/>
                <a:ea typeface="Roboto Light" pitchFamily="2" charset="0"/>
              </a:rPr>
              <a:t>Organic Learning</a:t>
            </a:r>
          </a:p>
        </p:txBody>
      </p:sp>
      <p:sp>
        <p:nvSpPr>
          <p:cNvPr id="67" name="TextBox 66">
            <a:extLst>
              <a:ext uri="{FF2B5EF4-FFF2-40B4-BE49-F238E27FC236}">
                <a16:creationId xmlns:a16="http://schemas.microsoft.com/office/drawing/2014/main" id="{F0562A46-DC4B-9180-C454-1D8C05F0F431}"/>
              </a:ext>
            </a:extLst>
          </p:cNvPr>
          <p:cNvSpPr txBox="1"/>
          <p:nvPr/>
        </p:nvSpPr>
        <p:spPr>
          <a:xfrm>
            <a:off x="2233025" y="3857562"/>
            <a:ext cx="1727717" cy="2603790"/>
          </a:xfrm>
          <a:prstGeom prst="rect">
            <a:avLst/>
          </a:prstGeom>
          <a:noFill/>
        </p:spPr>
        <p:txBody>
          <a:bodyPr wrap="square">
            <a:spAutoFit/>
          </a:bodyPr>
          <a:lstStyle/>
          <a:p>
            <a:pPr marL="63450" fontAlgn="base">
              <a:lnSpc>
                <a:spcPct val="120000"/>
              </a:lnSpc>
              <a:spcAft>
                <a:spcPts val="600"/>
              </a:spcAft>
              <a:buClr>
                <a:srgbClr val="0072AE"/>
              </a:buClr>
              <a:defRPr/>
            </a:pPr>
            <a:r>
              <a:rPr lang="en-US" sz="1000">
                <a:solidFill>
                  <a:srgbClr val="262626"/>
                </a:solidFill>
                <a:latin typeface="+mj-lt"/>
                <a:ea typeface="Roboto Light" pitchFamily="2" charset="0"/>
              </a:rPr>
              <a:t>Learning games are based on constructivism. The power of play brings in:</a:t>
            </a:r>
          </a:p>
          <a:p>
            <a:pPr marL="271463" lvl="1" indent="-96838" fontAlgn="base">
              <a:lnSpc>
                <a:spcPct val="120000"/>
              </a:lnSpc>
              <a:spcAft>
                <a:spcPts val="600"/>
              </a:spcAft>
              <a:buClr>
                <a:srgbClr val="0072AE"/>
              </a:buClr>
              <a:buFont typeface="Arial" pitchFamily="34" charset="0"/>
              <a:buChar char="•"/>
              <a:defRPr/>
            </a:pPr>
            <a:r>
              <a:rPr lang="en-US" sz="1000">
                <a:solidFill>
                  <a:srgbClr val="262626"/>
                </a:solidFill>
                <a:latin typeface="+mj-lt"/>
                <a:ea typeface="Roboto Light" pitchFamily="2" charset="0"/>
              </a:rPr>
              <a:t>Immersive and autonomous learning experience</a:t>
            </a:r>
          </a:p>
          <a:p>
            <a:pPr marL="271463" lvl="1" indent="-96838" fontAlgn="base">
              <a:lnSpc>
                <a:spcPct val="120000"/>
              </a:lnSpc>
              <a:spcAft>
                <a:spcPts val="600"/>
              </a:spcAft>
              <a:buClr>
                <a:srgbClr val="0072AE"/>
              </a:buClr>
              <a:buFont typeface="Arial" pitchFamily="34" charset="0"/>
              <a:buChar char="•"/>
              <a:defRPr/>
            </a:pPr>
            <a:r>
              <a:rPr lang="en-US" sz="1000">
                <a:solidFill>
                  <a:srgbClr val="262626"/>
                </a:solidFill>
                <a:latin typeface="+mj-lt"/>
                <a:ea typeface="Roboto Light" pitchFamily="2" charset="0"/>
              </a:rPr>
              <a:t>Learning from failures</a:t>
            </a:r>
          </a:p>
          <a:p>
            <a:pPr marL="271463" lvl="1" indent="-96838" fontAlgn="base">
              <a:lnSpc>
                <a:spcPct val="120000"/>
              </a:lnSpc>
              <a:spcAft>
                <a:spcPts val="600"/>
              </a:spcAft>
              <a:buClr>
                <a:srgbClr val="0072AE"/>
              </a:buClr>
              <a:buFont typeface="Arial" pitchFamily="34" charset="0"/>
              <a:buChar char="•"/>
              <a:defRPr/>
            </a:pPr>
            <a:r>
              <a:rPr lang="en-US" sz="1000">
                <a:solidFill>
                  <a:srgbClr val="262626"/>
                </a:solidFill>
                <a:latin typeface="+mj-lt"/>
                <a:ea typeface="Roboto Light" pitchFamily="2" charset="0"/>
              </a:rPr>
              <a:t>Higher learner motivation and engagement </a:t>
            </a:r>
          </a:p>
          <a:p>
            <a:pPr marL="271463" lvl="1" indent="-96838" fontAlgn="base">
              <a:lnSpc>
                <a:spcPct val="120000"/>
              </a:lnSpc>
              <a:spcAft>
                <a:spcPts val="600"/>
              </a:spcAft>
              <a:buClr>
                <a:srgbClr val="0072AE"/>
              </a:buClr>
              <a:buFont typeface="Arial" pitchFamily="34" charset="0"/>
              <a:buChar char="•"/>
              <a:defRPr/>
            </a:pPr>
            <a:r>
              <a:rPr lang="en-US" sz="1000">
                <a:solidFill>
                  <a:srgbClr val="262626"/>
                </a:solidFill>
                <a:latin typeface="+mj-lt"/>
                <a:ea typeface="Roboto Light" pitchFamily="2" charset="0"/>
              </a:rPr>
              <a:t>More confidence on the abilities gained</a:t>
            </a:r>
          </a:p>
        </p:txBody>
      </p:sp>
      <p:sp>
        <p:nvSpPr>
          <p:cNvPr id="68" name="TextBox 67">
            <a:extLst>
              <a:ext uri="{FF2B5EF4-FFF2-40B4-BE49-F238E27FC236}">
                <a16:creationId xmlns:a16="http://schemas.microsoft.com/office/drawing/2014/main" id="{D29BC57F-EEDF-4D35-D334-A0F487699B96}"/>
              </a:ext>
            </a:extLst>
          </p:cNvPr>
          <p:cNvSpPr txBox="1"/>
          <p:nvPr/>
        </p:nvSpPr>
        <p:spPr>
          <a:xfrm>
            <a:off x="358629" y="3857562"/>
            <a:ext cx="1744917" cy="2973122"/>
          </a:xfrm>
          <a:prstGeom prst="rect">
            <a:avLst/>
          </a:prstGeom>
          <a:noFill/>
        </p:spPr>
        <p:txBody>
          <a:bodyPr wrap="square">
            <a:spAutoFit/>
          </a:bodyPr>
          <a:lstStyle/>
          <a:p>
            <a:pPr marL="171450" indent="-108000" fontAlgn="base">
              <a:lnSpc>
                <a:spcPct val="120000"/>
              </a:lnSpc>
              <a:spcAft>
                <a:spcPts val="600"/>
              </a:spcAft>
              <a:buClr>
                <a:srgbClr val="0072AE"/>
              </a:buClr>
              <a:buFont typeface="Arial" pitchFamily="34" charset="0"/>
              <a:buChar char="•"/>
              <a:defRPr/>
            </a:pPr>
            <a:r>
              <a:rPr lang="en-US" sz="1000">
                <a:solidFill>
                  <a:srgbClr val="262626"/>
                </a:solidFill>
                <a:latin typeface="+mj-lt"/>
                <a:ea typeface="Roboto Light" pitchFamily="2" charset="0"/>
              </a:rPr>
              <a:t>Mirrors the dynamic real-world settings</a:t>
            </a:r>
          </a:p>
          <a:p>
            <a:pPr marL="171450" indent="-108000" fontAlgn="base">
              <a:lnSpc>
                <a:spcPct val="120000"/>
              </a:lnSpc>
              <a:spcAft>
                <a:spcPts val="600"/>
              </a:spcAft>
              <a:buClr>
                <a:srgbClr val="0072AE"/>
              </a:buClr>
              <a:buFont typeface="Arial" pitchFamily="34" charset="0"/>
              <a:buChar char="•"/>
              <a:defRPr/>
            </a:pPr>
            <a:r>
              <a:rPr lang="en-US" sz="1000">
                <a:solidFill>
                  <a:srgbClr val="262626"/>
                </a:solidFill>
                <a:latin typeface="+mj-lt"/>
                <a:ea typeface="Roboto Light" pitchFamily="2" charset="0"/>
              </a:rPr>
              <a:t>Experiential learning without any risk</a:t>
            </a:r>
          </a:p>
          <a:p>
            <a:pPr marL="171450" indent="-108000" fontAlgn="base">
              <a:lnSpc>
                <a:spcPct val="120000"/>
              </a:lnSpc>
              <a:spcAft>
                <a:spcPts val="600"/>
              </a:spcAft>
              <a:buClr>
                <a:srgbClr val="0072AE"/>
              </a:buClr>
              <a:buFont typeface="Arial" pitchFamily="34" charset="0"/>
              <a:buChar char="•"/>
              <a:defRPr/>
            </a:pPr>
            <a:r>
              <a:rPr lang="en-US" sz="1000">
                <a:solidFill>
                  <a:srgbClr val="262626"/>
                </a:solidFill>
                <a:latin typeface="+mj-lt"/>
                <a:ea typeface="Roboto Light" pitchFamily="2" charset="0"/>
              </a:rPr>
              <a:t>Effective in strategic thinking, decision making, problem solving, financial or market analysis, operations, teamwork and leadership</a:t>
            </a:r>
          </a:p>
          <a:p>
            <a:pPr marL="171450" indent="-108000" fontAlgn="base">
              <a:lnSpc>
                <a:spcPct val="120000"/>
              </a:lnSpc>
              <a:spcAft>
                <a:spcPts val="600"/>
              </a:spcAft>
              <a:buClr>
                <a:srgbClr val="0072AE"/>
              </a:buClr>
              <a:buFont typeface="Arial" pitchFamily="34" charset="0"/>
              <a:buChar char="•"/>
              <a:defRPr/>
            </a:pPr>
            <a:r>
              <a:rPr lang="en-US" sz="1000">
                <a:solidFill>
                  <a:srgbClr val="262626"/>
                </a:solidFill>
                <a:latin typeface="+mj-lt"/>
                <a:ea typeface="Roboto Light" pitchFamily="2" charset="0"/>
              </a:rPr>
              <a:t>More engaging and challenging interactivities</a:t>
            </a:r>
          </a:p>
          <a:p>
            <a:pPr marL="171450" indent="-108000" fontAlgn="base">
              <a:lnSpc>
                <a:spcPct val="120000"/>
              </a:lnSpc>
              <a:spcAft>
                <a:spcPts val="600"/>
              </a:spcAft>
              <a:buClr>
                <a:srgbClr val="0072AE"/>
              </a:buClr>
              <a:buFont typeface="Arial" pitchFamily="34" charset="0"/>
              <a:buChar char="•"/>
              <a:defRPr/>
            </a:pPr>
            <a:r>
              <a:rPr lang="en-US" sz="1000">
                <a:solidFill>
                  <a:srgbClr val="262626"/>
                </a:solidFill>
                <a:latin typeface="+mj-lt"/>
                <a:ea typeface="Roboto Light" pitchFamily="2" charset="0"/>
              </a:rPr>
              <a:t>Increased learner motivation</a:t>
            </a:r>
          </a:p>
        </p:txBody>
      </p:sp>
      <p:sp>
        <p:nvSpPr>
          <p:cNvPr id="69" name="TextBox 68">
            <a:extLst>
              <a:ext uri="{FF2B5EF4-FFF2-40B4-BE49-F238E27FC236}">
                <a16:creationId xmlns:a16="http://schemas.microsoft.com/office/drawing/2014/main" id="{C16D2AA2-8709-7A86-9732-682B8B872EF9}"/>
              </a:ext>
            </a:extLst>
          </p:cNvPr>
          <p:cNvSpPr txBox="1"/>
          <p:nvPr/>
        </p:nvSpPr>
        <p:spPr>
          <a:xfrm>
            <a:off x="437288" y="3452966"/>
            <a:ext cx="1411832" cy="461665"/>
          </a:xfrm>
          <a:prstGeom prst="rect">
            <a:avLst/>
          </a:prstGeom>
          <a:noFill/>
        </p:spPr>
        <p:txBody>
          <a:bodyPr wrap="square" rtlCol="0">
            <a:spAutoFit/>
          </a:bodyPr>
          <a:lstStyle>
            <a:defPPr>
              <a:defRPr lang="en-US"/>
            </a:defPPr>
            <a:lvl1pPr>
              <a:defRPr sz="1100">
                <a:solidFill>
                  <a:srgbClr val="0085BE"/>
                </a:solidFill>
                <a:latin typeface="Roboto" panose="02000000000000000000" pitchFamily="2" charset="0"/>
                <a:ea typeface="Roboto" panose="02000000000000000000" pitchFamily="2" charset="0"/>
              </a:defRPr>
            </a:lvl1pPr>
          </a:lstStyle>
          <a:p>
            <a:r>
              <a:rPr lang="en-IN" sz="1200">
                <a:latin typeface="+mn-lt"/>
              </a:rPr>
              <a:t>Business Simulations</a:t>
            </a:r>
          </a:p>
        </p:txBody>
      </p:sp>
      <p:sp>
        <p:nvSpPr>
          <p:cNvPr id="70" name="TextBox 69">
            <a:extLst>
              <a:ext uri="{FF2B5EF4-FFF2-40B4-BE49-F238E27FC236}">
                <a16:creationId xmlns:a16="http://schemas.microsoft.com/office/drawing/2014/main" id="{10943A68-0957-E418-46D9-AE96553BB694}"/>
              </a:ext>
            </a:extLst>
          </p:cNvPr>
          <p:cNvSpPr txBox="1"/>
          <p:nvPr/>
        </p:nvSpPr>
        <p:spPr>
          <a:xfrm>
            <a:off x="2298903" y="3452966"/>
            <a:ext cx="1361379" cy="276999"/>
          </a:xfrm>
          <a:prstGeom prst="rect">
            <a:avLst/>
          </a:prstGeom>
          <a:noFill/>
        </p:spPr>
        <p:txBody>
          <a:bodyPr wrap="square" rtlCol="0">
            <a:spAutoFit/>
          </a:bodyPr>
          <a:lstStyle>
            <a:defPPr>
              <a:defRPr lang="en-US"/>
            </a:defPPr>
            <a:lvl1pPr>
              <a:defRPr sz="1100">
                <a:solidFill>
                  <a:srgbClr val="0085BE"/>
                </a:solidFill>
                <a:latin typeface="Roboto" panose="02000000000000000000" pitchFamily="2" charset="0"/>
                <a:ea typeface="Roboto" panose="02000000000000000000" pitchFamily="2" charset="0"/>
              </a:defRPr>
            </a:lvl1pPr>
          </a:lstStyle>
          <a:p>
            <a:pPr fontAlgn="base">
              <a:lnSpc>
                <a:spcPct val="100000"/>
              </a:lnSpc>
              <a:spcBef>
                <a:spcPts val="100"/>
              </a:spcBef>
              <a:spcAft>
                <a:spcPct val="0"/>
              </a:spcAft>
              <a:defRPr/>
            </a:pPr>
            <a:r>
              <a:rPr lang="en-IN" sz="1200">
                <a:solidFill>
                  <a:srgbClr val="0084BD"/>
                </a:solidFill>
                <a:latin typeface="+mn-lt"/>
                <a:ea typeface="Roboto" panose="02000000000000000000" pitchFamily="2" charset="0"/>
                <a:cs typeface="Roboto" panose="02000000000000000000" pitchFamily="2" charset="0"/>
              </a:rPr>
              <a:t>Gamification</a:t>
            </a:r>
          </a:p>
        </p:txBody>
      </p:sp>
      <p:sp>
        <p:nvSpPr>
          <p:cNvPr id="71" name="TextBox 70">
            <a:extLst>
              <a:ext uri="{FF2B5EF4-FFF2-40B4-BE49-F238E27FC236}">
                <a16:creationId xmlns:a16="http://schemas.microsoft.com/office/drawing/2014/main" id="{8A72DCD7-07C6-81C9-0ADD-762DC5975381}"/>
              </a:ext>
            </a:extLst>
          </p:cNvPr>
          <p:cNvSpPr txBox="1"/>
          <p:nvPr/>
        </p:nvSpPr>
        <p:spPr>
          <a:xfrm>
            <a:off x="4161433" y="3452966"/>
            <a:ext cx="1361379" cy="276999"/>
          </a:xfrm>
          <a:prstGeom prst="rect">
            <a:avLst/>
          </a:prstGeom>
          <a:noFill/>
        </p:spPr>
        <p:txBody>
          <a:bodyPr wrap="square" rtlCol="0">
            <a:spAutoFit/>
          </a:bodyPr>
          <a:lstStyle>
            <a:defPPr>
              <a:defRPr lang="en-US"/>
            </a:defPPr>
            <a:lvl1pPr>
              <a:defRPr sz="1100">
                <a:solidFill>
                  <a:srgbClr val="0085BE"/>
                </a:solidFill>
                <a:latin typeface="Roboto" panose="02000000000000000000" pitchFamily="2" charset="0"/>
                <a:ea typeface="Roboto" panose="02000000000000000000" pitchFamily="2" charset="0"/>
              </a:defRPr>
            </a:lvl1pPr>
          </a:lstStyle>
          <a:p>
            <a:r>
              <a:rPr lang="en-IN" sz="1200">
                <a:latin typeface="+mn-lt"/>
              </a:rPr>
              <a:t>Microlearning</a:t>
            </a:r>
          </a:p>
        </p:txBody>
      </p:sp>
      <p:sp>
        <p:nvSpPr>
          <p:cNvPr id="72" name="TextBox 71">
            <a:extLst>
              <a:ext uri="{FF2B5EF4-FFF2-40B4-BE49-F238E27FC236}">
                <a16:creationId xmlns:a16="http://schemas.microsoft.com/office/drawing/2014/main" id="{F780CC23-E667-FF92-6762-2305EB543F3F}"/>
              </a:ext>
            </a:extLst>
          </p:cNvPr>
          <p:cNvSpPr txBox="1"/>
          <p:nvPr/>
        </p:nvSpPr>
        <p:spPr>
          <a:xfrm>
            <a:off x="6122150" y="3452964"/>
            <a:ext cx="1119962" cy="461665"/>
          </a:xfrm>
          <a:prstGeom prst="rect">
            <a:avLst/>
          </a:prstGeom>
          <a:noFill/>
        </p:spPr>
        <p:txBody>
          <a:bodyPr wrap="square" rtlCol="0">
            <a:spAutoFit/>
          </a:bodyPr>
          <a:lstStyle>
            <a:defPPr>
              <a:defRPr lang="en-US"/>
            </a:defPPr>
            <a:lvl1pPr>
              <a:defRPr sz="1100">
                <a:solidFill>
                  <a:srgbClr val="0085BE"/>
                </a:solidFill>
                <a:latin typeface="Roboto" panose="02000000000000000000" pitchFamily="2" charset="0"/>
                <a:ea typeface="Roboto" panose="02000000000000000000" pitchFamily="2" charset="0"/>
              </a:defRPr>
            </a:lvl1pPr>
          </a:lstStyle>
          <a:p>
            <a:r>
              <a:rPr lang="en-IN" sz="1200">
                <a:latin typeface="+mn-lt"/>
              </a:rPr>
              <a:t>Adaptive Learning</a:t>
            </a:r>
          </a:p>
        </p:txBody>
      </p:sp>
      <p:pic>
        <p:nvPicPr>
          <p:cNvPr id="78" name="Graphic 77" descr="Virtual Reality headset outline">
            <a:extLst>
              <a:ext uri="{FF2B5EF4-FFF2-40B4-BE49-F238E27FC236}">
                <a16:creationId xmlns:a16="http://schemas.microsoft.com/office/drawing/2014/main" id="{4FDC2008-27B9-495D-24F7-16A982D4B980}"/>
              </a:ext>
            </a:extLst>
          </p:cNvPr>
          <p:cNvPicPr>
            <a:picLocks noChangeAspect="1"/>
          </p:cNvPicPr>
          <p:nvPr/>
        </p:nvPicPr>
        <p:blipFill>
          <a:blip r:embed="rId3" cstate="screen">
            <a:extLst>
              <a:ext uri="{28A0092B-C50C-407E-A947-70E740481C1C}">
                <a14:useLocalDpi xmlns:a14="http://schemas.microsoft.com/office/drawing/2010/main"/>
              </a:ext>
              <a:ext uri="{96DAC541-7B7A-43D3-8B79-37D633B846F1}">
                <asvg:svgBlip xmlns:asvg="http://schemas.microsoft.com/office/drawing/2016/SVG/main" r:embed="rId4"/>
              </a:ext>
            </a:extLst>
          </a:blip>
          <a:stretch>
            <a:fillRect/>
          </a:stretch>
        </p:blipFill>
        <p:spPr>
          <a:xfrm>
            <a:off x="10261159" y="3008114"/>
            <a:ext cx="407286" cy="407286"/>
          </a:xfrm>
          <a:prstGeom prst="rect">
            <a:avLst/>
          </a:prstGeom>
        </p:spPr>
      </p:pic>
      <p:pic>
        <p:nvPicPr>
          <p:cNvPr id="79" name="Graphic 78">
            <a:extLst>
              <a:ext uri="{FF2B5EF4-FFF2-40B4-BE49-F238E27FC236}">
                <a16:creationId xmlns:a16="http://schemas.microsoft.com/office/drawing/2014/main" id="{350522B2-E42B-71E5-1EEA-4AB8F947D048}"/>
              </a:ext>
            </a:extLst>
          </p:cNvPr>
          <p:cNvPicPr>
            <a:picLocks noChangeAspect="1"/>
          </p:cNvPicPr>
          <p:nvPr/>
        </p:nvPicPr>
        <p:blipFill>
          <a:blip r:embed="rId5" cstate="screen">
            <a:extLst>
              <a:ext uri="{28A0092B-C50C-407E-A947-70E740481C1C}">
                <a14:useLocalDpi xmlns:a14="http://schemas.microsoft.com/office/drawing/2010/main"/>
              </a:ext>
              <a:ext uri="{96DAC541-7B7A-43D3-8B79-37D633B846F1}">
                <asvg:svgBlip xmlns:asvg="http://schemas.microsoft.com/office/drawing/2016/SVG/main" r:embed="rId6"/>
              </a:ext>
            </a:extLst>
          </a:blip>
          <a:stretch>
            <a:fillRect/>
          </a:stretch>
        </p:blipFill>
        <p:spPr>
          <a:xfrm>
            <a:off x="4228235" y="3016895"/>
            <a:ext cx="324862" cy="324862"/>
          </a:xfrm>
          <a:prstGeom prst="rect">
            <a:avLst/>
          </a:prstGeom>
        </p:spPr>
      </p:pic>
      <p:pic>
        <p:nvPicPr>
          <p:cNvPr id="80" name="Graphic 79">
            <a:extLst>
              <a:ext uri="{FF2B5EF4-FFF2-40B4-BE49-F238E27FC236}">
                <a16:creationId xmlns:a16="http://schemas.microsoft.com/office/drawing/2014/main" id="{CE3D1AAD-C11D-9E88-B669-083D19A86D23}"/>
              </a:ext>
            </a:extLst>
          </p:cNvPr>
          <p:cNvPicPr>
            <a:picLocks noChangeAspect="1"/>
          </p:cNvPicPr>
          <p:nvPr/>
        </p:nvPicPr>
        <p:blipFill>
          <a:blip r:embed="rId7">
            <a:extLst>
              <a:ext uri="{28A0092B-C50C-407E-A947-70E740481C1C}">
                <a14:useLocalDpi xmlns:a14="http://schemas.microsoft.com/office/drawing/2010/main"/>
              </a:ext>
              <a:ext uri="{96DAC541-7B7A-43D3-8B79-37D633B846F1}">
                <asvg:svgBlip xmlns:asvg="http://schemas.microsoft.com/office/drawing/2016/SVG/main" r:embed="rId8"/>
              </a:ext>
            </a:extLst>
          </a:blip>
          <a:stretch>
            <a:fillRect/>
          </a:stretch>
        </p:blipFill>
        <p:spPr>
          <a:xfrm>
            <a:off x="511040" y="2997231"/>
            <a:ext cx="316529" cy="331602"/>
          </a:xfrm>
          <a:prstGeom prst="rect">
            <a:avLst/>
          </a:prstGeom>
        </p:spPr>
      </p:pic>
      <p:pic>
        <p:nvPicPr>
          <p:cNvPr id="81" name="Graphic 80">
            <a:extLst>
              <a:ext uri="{FF2B5EF4-FFF2-40B4-BE49-F238E27FC236}">
                <a16:creationId xmlns:a16="http://schemas.microsoft.com/office/drawing/2014/main" id="{480050B4-1595-9446-898C-3416B613B0D8}"/>
              </a:ext>
            </a:extLst>
          </p:cNvPr>
          <p:cNvPicPr>
            <a:picLocks noChangeAspect="1"/>
          </p:cNvPicPr>
          <p:nvPr/>
        </p:nvPicPr>
        <p:blipFill>
          <a:blip r:embed="rId9" cstate="screen">
            <a:extLst>
              <a:ext uri="{28A0092B-C50C-407E-A947-70E740481C1C}">
                <a14:useLocalDpi xmlns:a14="http://schemas.microsoft.com/office/drawing/2010/main"/>
              </a:ext>
              <a:ext uri="{96DAC541-7B7A-43D3-8B79-37D633B846F1}">
                <asvg:svgBlip xmlns:asvg="http://schemas.microsoft.com/office/drawing/2016/SVG/main" r:embed="rId10"/>
              </a:ext>
            </a:extLst>
          </a:blip>
          <a:stretch>
            <a:fillRect/>
          </a:stretch>
        </p:blipFill>
        <p:spPr>
          <a:xfrm>
            <a:off x="2378828" y="3007063"/>
            <a:ext cx="365655" cy="365655"/>
          </a:xfrm>
          <a:prstGeom prst="rect">
            <a:avLst/>
          </a:prstGeom>
        </p:spPr>
      </p:pic>
      <p:pic>
        <p:nvPicPr>
          <p:cNvPr id="82" name="Graphic 81" descr="Settings outline">
            <a:extLst>
              <a:ext uri="{FF2B5EF4-FFF2-40B4-BE49-F238E27FC236}">
                <a16:creationId xmlns:a16="http://schemas.microsoft.com/office/drawing/2014/main" id="{4B8D5521-8DA4-48D0-5C48-09683E4644D6}"/>
              </a:ext>
            </a:extLst>
          </p:cNvPr>
          <p:cNvPicPr>
            <a:picLocks noChangeAspect="1"/>
          </p:cNvPicPr>
          <p:nvPr/>
        </p:nvPicPr>
        <p:blipFill>
          <a:blip r:embed="rId11" cstate="screen">
            <a:extLst>
              <a:ext uri="{28A0092B-C50C-407E-A947-70E740481C1C}">
                <a14:useLocalDpi xmlns:a14="http://schemas.microsoft.com/office/drawing/2010/main"/>
              </a:ext>
              <a:ext uri="{96DAC541-7B7A-43D3-8B79-37D633B846F1}">
                <asvg:svgBlip xmlns:asvg="http://schemas.microsoft.com/office/drawing/2016/SVG/main" r:embed="rId12"/>
              </a:ext>
            </a:extLst>
          </a:blip>
          <a:stretch>
            <a:fillRect/>
          </a:stretch>
        </p:blipFill>
        <p:spPr>
          <a:xfrm>
            <a:off x="6162603" y="3026727"/>
            <a:ext cx="370261" cy="370261"/>
          </a:xfrm>
          <a:prstGeom prst="rect">
            <a:avLst/>
          </a:prstGeom>
        </p:spPr>
      </p:pic>
      <p:pic>
        <p:nvPicPr>
          <p:cNvPr id="83" name="Graphic 82" descr="Artificial Intelligence outline">
            <a:extLst>
              <a:ext uri="{FF2B5EF4-FFF2-40B4-BE49-F238E27FC236}">
                <a16:creationId xmlns:a16="http://schemas.microsoft.com/office/drawing/2014/main" id="{A4E57BF0-B153-38ED-5A6A-A0C3E1106001}"/>
              </a:ext>
            </a:extLst>
          </p:cNvPr>
          <p:cNvPicPr>
            <a:picLocks noChangeAspect="1"/>
          </p:cNvPicPr>
          <p:nvPr/>
        </p:nvPicPr>
        <p:blipFill>
          <a:blip r:embed="rId13" cstate="screen">
            <a:extLst>
              <a:ext uri="{28A0092B-C50C-407E-A947-70E740481C1C}">
                <a14:useLocalDpi xmlns:a14="http://schemas.microsoft.com/office/drawing/2010/main"/>
              </a:ext>
              <a:ext uri="{96DAC541-7B7A-43D3-8B79-37D633B846F1}">
                <asvg:svgBlip xmlns:asvg="http://schemas.microsoft.com/office/drawing/2016/SVG/main" r:embed="rId14"/>
              </a:ext>
            </a:extLst>
          </a:blip>
          <a:stretch>
            <a:fillRect/>
          </a:stretch>
        </p:blipFill>
        <p:spPr>
          <a:xfrm>
            <a:off x="8126957" y="2958475"/>
            <a:ext cx="402221" cy="402221"/>
          </a:xfrm>
          <a:prstGeom prst="rect">
            <a:avLst/>
          </a:prstGeom>
        </p:spPr>
      </p:pic>
      <p:cxnSp>
        <p:nvCxnSpPr>
          <p:cNvPr id="4" name="Straight Connector 3">
            <a:extLst>
              <a:ext uri="{FF2B5EF4-FFF2-40B4-BE49-F238E27FC236}">
                <a16:creationId xmlns:a16="http://schemas.microsoft.com/office/drawing/2014/main" id="{ADA8288E-BFC6-DDA9-89E7-17D9CD255217}"/>
              </a:ext>
            </a:extLst>
          </p:cNvPr>
          <p:cNvCxnSpPr/>
          <p:nvPr/>
        </p:nvCxnSpPr>
        <p:spPr>
          <a:xfrm>
            <a:off x="625303" y="882907"/>
            <a:ext cx="640080" cy="0"/>
          </a:xfrm>
          <a:prstGeom prst="line">
            <a:avLst/>
          </a:prstGeom>
          <a:ln w="28575">
            <a:solidFill>
              <a:srgbClr val="0574B0"/>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76586360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nodeType="with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500" fill="hold"/>
                                        <p:tgtEl>
                                          <p:spTgt spid="4"/>
                                        </p:tgtEl>
                                        <p:attrNameLst>
                                          <p:attrName>ppt_x</p:attrName>
                                        </p:attrNameLst>
                                      </p:cBhvr>
                                      <p:tavLst>
                                        <p:tav tm="0">
                                          <p:val>
                                            <p:strVal val="0-#ppt_w/2"/>
                                          </p:val>
                                        </p:tav>
                                        <p:tav tm="100000">
                                          <p:val>
                                            <p:strVal val="#ppt_x"/>
                                          </p:val>
                                        </p:tav>
                                      </p:tavLst>
                                    </p:anim>
                                    <p:anim calcmode="lin" valueType="num">
                                      <p:cBhvr additive="base">
                                        <p:cTn id="8" dur="50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6" name="Picture 35" descr="People in a meeting">
            <a:extLst>
              <a:ext uri="{FF2B5EF4-FFF2-40B4-BE49-F238E27FC236}">
                <a16:creationId xmlns:a16="http://schemas.microsoft.com/office/drawing/2014/main" id="{9FB27FD4-AB8A-0635-C898-388B24EE93D3}"/>
              </a:ext>
            </a:extLst>
          </p:cNvPr>
          <p:cNvPicPr>
            <a:picLocks noChangeAspect="1"/>
          </p:cNvPicPr>
          <p:nvPr/>
        </p:nvPicPr>
        <p:blipFill rotWithShape="1">
          <a:blip r:embed="rId2" cstate="print">
            <a:extLst>
              <a:ext uri="{28A0092B-C50C-407E-A947-70E740481C1C}">
                <a14:useLocalDpi xmlns:a14="http://schemas.microsoft.com/office/drawing/2010/main" val="0"/>
              </a:ext>
            </a:extLst>
          </a:blip>
          <a:srcRect t="44692" r="27393" b="34569"/>
          <a:stretch/>
        </p:blipFill>
        <p:spPr>
          <a:xfrm>
            <a:off x="1095023" y="0"/>
            <a:ext cx="11085688" cy="2111022"/>
          </a:xfrm>
          <a:prstGeom prst="rect">
            <a:avLst/>
          </a:prstGeom>
        </p:spPr>
      </p:pic>
      <p:sp>
        <p:nvSpPr>
          <p:cNvPr id="37" name="Rectangle 36">
            <a:extLst>
              <a:ext uri="{FF2B5EF4-FFF2-40B4-BE49-F238E27FC236}">
                <a16:creationId xmlns:a16="http://schemas.microsoft.com/office/drawing/2014/main" id="{6F45B034-3ACE-0E91-8A2C-402E0F10596E}"/>
              </a:ext>
            </a:extLst>
          </p:cNvPr>
          <p:cNvSpPr/>
          <p:nvPr/>
        </p:nvSpPr>
        <p:spPr>
          <a:xfrm>
            <a:off x="0" y="0"/>
            <a:ext cx="6096000" cy="2111020"/>
          </a:xfrm>
          <a:prstGeom prst="rect">
            <a:avLst/>
          </a:prstGeom>
          <a:solidFill>
            <a:srgbClr val="303B4E">
              <a:alpha val="1098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38" name="Rectangle 37">
            <a:extLst>
              <a:ext uri="{FF2B5EF4-FFF2-40B4-BE49-F238E27FC236}">
                <a16:creationId xmlns:a16="http://schemas.microsoft.com/office/drawing/2014/main" id="{4F11D3A0-DE31-4390-9E7B-20B27059B8A3}"/>
              </a:ext>
            </a:extLst>
          </p:cNvPr>
          <p:cNvSpPr/>
          <p:nvPr/>
        </p:nvSpPr>
        <p:spPr>
          <a:xfrm>
            <a:off x="0" y="1"/>
            <a:ext cx="6096000" cy="2111020"/>
          </a:xfrm>
          <a:prstGeom prst="rect">
            <a:avLst/>
          </a:prstGeom>
          <a:solidFill>
            <a:srgbClr val="303B4E">
              <a:alpha val="1098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39" name="Rectangle 38">
            <a:extLst>
              <a:ext uri="{FF2B5EF4-FFF2-40B4-BE49-F238E27FC236}">
                <a16:creationId xmlns:a16="http://schemas.microsoft.com/office/drawing/2014/main" id="{36BECADF-A994-32BC-AAE0-D23D46009486}"/>
              </a:ext>
            </a:extLst>
          </p:cNvPr>
          <p:cNvSpPr/>
          <p:nvPr/>
        </p:nvSpPr>
        <p:spPr>
          <a:xfrm>
            <a:off x="-1" y="0"/>
            <a:ext cx="6095999" cy="2111019"/>
          </a:xfrm>
          <a:prstGeom prst="rect">
            <a:avLst/>
          </a:prstGeom>
          <a:solidFill>
            <a:srgbClr val="FFFFFF">
              <a:alpha val="65098"/>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40" name="Rectangle 39">
            <a:extLst>
              <a:ext uri="{FF2B5EF4-FFF2-40B4-BE49-F238E27FC236}">
                <a16:creationId xmlns:a16="http://schemas.microsoft.com/office/drawing/2014/main" id="{BEAE46FF-EB1C-3ED7-4B68-742037899CFC}"/>
              </a:ext>
            </a:extLst>
          </p:cNvPr>
          <p:cNvSpPr/>
          <p:nvPr/>
        </p:nvSpPr>
        <p:spPr>
          <a:xfrm>
            <a:off x="0" y="1464690"/>
            <a:ext cx="12192000" cy="646331"/>
          </a:xfrm>
          <a:prstGeom prst="rect">
            <a:avLst/>
          </a:prstGeom>
          <a:solidFill>
            <a:srgbClr val="303B4E">
              <a:alpha val="1098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41" name="TextBox 40">
            <a:extLst>
              <a:ext uri="{FF2B5EF4-FFF2-40B4-BE49-F238E27FC236}">
                <a16:creationId xmlns:a16="http://schemas.microsoft.com/office/drawing/2014/main" id="{66B97F44-CE5F-A336-3593-122A973FB5BD}"/>
              </a:ext>
            </a:extLst>
          </p:cNvPr>
          <p:cNvSpPr txBox="1"/>
          <p:nvPr/>
        </p:nvSpPr>
        <p:spPr>
          <a:xfrm>
            <a:off x="2614941" y="1721201"/>
            <a:ext cx="1081503" cy="406265"/>
          </a:xfrm>
          <a:prstGeom prst="rect">
            <a:avLst/>
          </a:prstGeom>
          <a:noFill/>
        </p:spPr>
        <p:txBody>
          <a:bodyPr wrap="square" rtlCol="0" anchor="ctr">
            <a:spAutoFit/>
          </a:bodyPr>
          <a:lstStyle>
            <a:defPPr>
              <a:defRPr lang="en-US"/>
            </a:defPPr>
            <a:lvl1pPr algn="ctr">
              <a:spcBef>
                <a:spcPts val="100"/>
              </a:spcBef>
              <a:defRPr sz="1200">
                <a:solidFill>
                  <a:schemeClr val="tx1">
                    <a:lumMod val="65000"/>
                    <a:lumOff val="35000"/>
                  </a:schemeClr>
                </a:solidFill>
                <a:effectLst/>
                <a:latin typeface="Roboto" panose="02000000000000000000" pitchFamily="2" charset="0"/>
                <a:ea typeface="Roboto" panose="02000000000000000000" pitchFamily="2" charset="0"/>
                <a:cs typeface="Roboto" panose="02000000000000000000" pitchFamily="2" charset="0"/>
              </a:defRPr>
            </a:lvl1pPr>
          </a:lstStyle>
          <a:p>
            <a:r>
              <a:rPr lang="en-US" sz="900"/>
              <a:t>On-Demand Staffing</a:t>
            </a:r>
            <a:endParaRPr lang="en-IN" sz="900"/>
          </a:p>
        </p:txBody>
      </p:sp>
      <p:pic>
        <p:nvPicPr>
          <p:cNvPr id="42" name="Picture 41" descr="Shape&#10;&#10;Description automatically generated with low confidence">
            <a:extLst>
              <a:ext uri="{FF2B5EF4-FFF2-40B4-BE49-F238E27FC236}">
                <a16:creationId xmlns:a16="http://schemas.microsoft.com/office/drawing/2014/main" id="{1DD366F6-B2EB-11B8-AD9A-7E1FA8851B35}"/>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2959181" y="1299513"/>
            <a:ext cx="393022" cy="393022"/>
          </a:xfrm>
          <a:prstGeom prst="rect">
            <a:avLst/>
          </a:prstGeom>
        </p:spPr>
      </p:pic>
      <p:sp>
        <p:nvSpPr>
          <p:cNvPr id="2" name="Title 1">
            <a:extLst>
              <a:ext uri="{FF2B5EF4-FFF2-40B4-BE49-F238E27FC236}">
                <a16:creationId xmlns:a16="http://schemas.microsoft.com/office/drawing/2014/main" id="{8C127E84-696C-236A-A998-04D769A68811}"/>
              </a:ext>
            </a:extLst>
          </p:cNvPr>
          <p:cNvSpPr>
            <a:spLocks noGrp="1"/>
          </p:cNvSpPr>
          <p:nvPr>
            <p:ph type="title"/>
          </p:nvPr>
        </p:nvSpPr>
        <p:spPr/>
        <p:txBody>
          <a:bodyPr/>
          <a:lstStyle/>
          <a:p>
            <a:r>
              <a:rPr lang="en-IN"/>
              <a:t>LEARNING PROFESSIONAL SERVICES</a:t>
            </a:r>
          </a:p>
        </p:txBody>
      </p:sp>
      <p:pic>
        <p:nvPicPr>
          <p:cNvPr id="19" name="Picture 18">
            <a:extLst>
              <a:ext uri="{FF2B5EF4-FFF2-40B4-BE49-F238E27FC236}">
                <a16:creationId xmlns:a16="http://schemas.microsoft.com/office/drawing/2014/main" id="{D87ECB09-9CD8-5291-B4B4-24ADCCE97A11}"/>
              </a:ext>
            </a:extLst>
          </p:cNvPr>
          <p:cNvPicPr>
            <a:picLocks noChangeAspect="1"/>
          </p:cNvPicPr>
          <p:nvPr/>
        </p:nvPicPr>
        <p:blipFill>
          <a:blip r:embed="rId4" cstate="email">
            <a:extLst>
              <a:ext uri="{28A0092B-C50C-407E-A947-70E740481C1C}">
                <a14:useLocalDpi xmlns:a14="http://schemas.microsoft.com/office/drawing/2010/main"/>
              </a:ext>
            </a:extLst>
          </a:blip>
          <a:srcRect/>
          <a:stretch/>
        </p:blipFill>
        <p:spPr>
          <a:xfrm>
            <a:off x="118359" y="790599"/>
            <a:ext cx="6335666" cy="6234545"/>
          </a:xfrm>
          <a:prstGeom prst="rect">
            <a:avLst/>
          </a:prstGeom>
        </p:spPr>
      </p:pic>
      <p:sp>
        <p:nvSpPr>
          <p:cNvPr id="20" name="TextBox 19">
            <a:extLst>
              <a:ext uri="{FF2B5EF4-FFF2-40B4-BE49-F238E27FC236}">
                <a16:creationId xmlns:a16="http://schemas.microsoft.com/office/drawing/2014/main" id="{9022C9A1-E63E-B02F-97BD-47D6367B2465}"/>
              </a:ext>
            </a:extLst>
          </p:cNvPr>
          <p:cNvSpPr txBox="1"/>
          <p:nvPr/>
        </p:nvSpPr>
        <p:spPr>
          <a:xfrm>
            <a:off x="2762420" y="1891422"/>
            <a:ext cx="983185" cy="400110"/>
          </a:xfrm>
          <a:prstGeom prst="rect">
            <a:avLst/>
          </a:prstGeom>
          <a:noFill/>
        </p:spPr>
        <p:txBody>
          <a:bodyPr wrap="square" rtlCol="0" anchor="ctr">
            <a:spAutoFit/>
          </a:bodyPr>
          <a:lstStyle>
            <a:defPPr>
              <a:defRPr lang="en-US"/>
            </a:defPPr>
            <a:lvl1pPr algn="ctr">
              <a:spcBef>
                <a:spcPts val="100"/>
              </a:spcBef>
              <a:defRPr sz="1200">
                <a:solidFill>
                  <a:schemeClr val="tx1">
                    <a:lumMod val="65000"/>
                    <a:lumOff val="35000"/>
                  </a:schemeClr>
                </a:solidFill>
                <a:effectLst/>
                <a:latin typeface="Roboto" panose="02000000000000000000" pitchFamily="2" charset="0"/>
                <a:ea typeface="Roboto" panose="02000000000000000000" pitchFamily="2" charset="0"/>
                <a:cs typeface="Roboto" panose="02000000000000000000" pitchFamily="2" charset="0"/>
              </a:defRPr>
            </a:lvl1pPr>
          </a:lstStyle>
          <a:p>
            <a:r>
              <a:rPr lang="en-US" sz="1000">
                <a:latin typeface="+mj-lt"/>
              </a:rPr>
              <a:t>On-Demand Staffing</a:t>
            </a:r>
            <a:endParaRPr lang="en-IN" sz="1000">
              <a:latin typeface="+mj-lt"/>
            </a:endParaRPr>
          </a:p>
        </p:txBody>
      </p:sp>
      <p:sp>
        <p:nvSpPr>
          <p:cNvPr id="21" name="TextBox 20">
            <a:extLst>
              <a:ext uri="{FF2B5EF4-FFF2-40B4-BE49-F238E27FC236}">
                <a16:creationId xmlns:a16="http://schemas.microsoft.com/office/drawing/2014/main" id="{B73C90F2-1640-7E79-6793-6FB37BF7E683}"/>
              </a:ext>
            </a:extLst>
          </p:cNvPr>
          <p:cNvSpPr txBox="1"/>
          <p:nvPr/>
        </p:nvSpPr>
        <p:spPr>
          <a:xfrm>
            <a:off x="4351256" y="2674715"/>
            <a:ext cx="1120703" cy="400110"/>
          </a:xfrm>
          <a:prstGeom prst="rect">
            <a:avLst/>
          </a:prstGeom>
          <a:noFill/>
        </p:spPr>
        <p:txBody>
          <a:bodyPr wrap="square" rtlCol="0" anchor="ctr">
            <a:spAutoFit/>
          </a:bodyPr>
          <a:lstStyle>
            <a:defPPr>
              <a:defRPr lang="en-US"/>
            </a:defPPr>
            <a:lvl1pPr algn="ctr">
              <a:spcBef>
                <a:spcPts val="100"/>
              </a:spcBef>
              <a:defRPr sz="1200">
                <a:solidFill>
                  <a:schemeClr val="tx1">
                    <a:lumMod val="65000"/>
                    <a:lumOff val="35000"/>
                  </a:schemeClr>
                </a:solidFill>
                <a:effectLst/>
                <a:latin typeface="Roboto" panose="02000000000000000000" pitchFamily="2" charset="0"/>
                <a:ea typeface="Roboto" panose="02000000000000000000" pitchFamily="2" charset="0"/>
                <a:cs typeface="Roboto" panose="02000000000000000000" pitchFamily="2" charset="0"/>
              </a:defRPr>
            </a:lvl1pPr>
          </a:lstStyle>
          <a:p>
            <a:r>
              <a:rPr lang="en-US" sz="1000">
                <a:latin typeface="+mj-lt"/>
              </a:rPr>
              <a:t>Strategic Needs Analysis</a:t>
            </a:r>
            <a:endParaRPr lang="en-IN" sz="1000">
              <a:latin typeface="+mj-lt"/>
            </a:endParaRPr>
          </a:p>
        </p:txBody>
      </p:sp>
      <p:sp>
        <p:nvSpPr>
          <p:cNvPr id="22" name="TextBox 21">
            <a:extLst>
              <a:ext uri="{FF2B5EF4-FFF2-40B4-BE49-F238E27FC236}">
                <a16:creationId xmlns:a16="http://schemas.microsoft.com/office/drawing/2014/main" id="{D6BB83B2-D976-4B7C-2951-0BF21644904A}"/>
              </a:ext>
            </a:extLst>
          </p:cNvPr>
          <p:cNvSpPr txBox="1"/>
          <p:nvPr/>
        </p:nvSpPr>
        <p:spPr>
          <a:xfrm>
            <a:off x="938177" y="2674713"/>
            <a:ext cx="1356049" cy="400110"/>
          </a:xfrm>
          <a:prstGeom prst="rect">
            <a:avLst/>
          </a:prstGeom>
          <a:noFill/>
        </p:spPr>
        <p:txBody>
          <a:bodyPr wrap="square" rtlCol="0" anchor="ctr">
            <a:spAutoFit/>
          </a:bodyPr>
          <a:lstStyle/>
          <a:p>
            <a:pPr algn="ctr">
              <a:spcBef>
                <a:spcPts val="100"/>
              </a:spcBef>
            </a:pPr>
            <a:r>
              <a:rPr lang="en-US" sz="1000">
                <a:solidFill>
                  <a:schemeClr val="tx1">
                    <a:lumMod val="65000"/>
                    <a:lumOff val="35000"/>
                  </a:schemeClr>
                </a:solidFill>
                <a:effectLst/>
                <a:latin typeface="+mj-lt"/>
                <a:ea typeface="Roboto" panose="02000000000000000000" pitchFamily="2" charset="0"/>
                <a:cs typeface="Roboto" panose="02000000000000000000" pitchFamily="2" charset="0"/>
              </a:rPr>
              <a:t>Customer Support Specialists</a:t>
            </a:r>
            <a:endParaRPr lang="en-IN" sz="1000">
              <a:solidFill>
                <a:schemeClr val="tx1">
                  <a:lumMod val="65000"/>
                  <a:lumOff val="35000"/>
                </a:schemeClr>
              </a:solidFill>
              <a:effectLst/>
              <a:latin typeface="+mj-lt"/>
              <a:ea typeface="Roboto" panose="02000000000000000000" pitchFamily="2" charset="0"/>
              <a:cs typeface="Roboto" panose="02000000000000000000" pitchFamily="2" charset="0"/>
            </a:endParaRPr>
          </a:p>
        </p:txBody>
      </p:sp>
      <p:sp>
        <p:nvSpPr>
          <p:cNvPr id="23" name="TextBox 22">
            <a:extLst>
              <a:ext uri="{FF2B5EF4-FFF2-40B4-BE49-F238E27FC236}">
                <a16:creationId xmlns:a16="http://schemas.microsoft.com/office/drawing/2014/main" id="{50ADEF4D-CBBF-6535-4A4B-D24FD0DAF32D}"/>
              </a:ext>
            </a:extLst>
          </p:cNvPr>
          <p:cNvSpPr txBox="1"/>
          <p:nvPr/>
        </p:nvSpPr>
        <p:spPr>
          <a:xfrm>
            <a:off x="4788110" y="4417956"/>
            <a:ext cx="1120703" cy="553998"/>
          </a:xfrm>
          <a:prstGeom prst="rect">
            <a:avLst/>
          </a:prstGeom>
          <a:noFill/>
        </p:spPr>
        <p:txBody>
          <a:bodyPr wrap="square" rtlCol="0" anchor="ctr">
            <a:spAutoFit/>
          </a:bodyPr>
          <a:lstStyle/>
          <a:p>
            <a:pPr algn="ctr">
              <a:spcBef>
                <a:spcPts val="100"/>
              </a:spcBef>
            </a:pPr>
            <a:r>
              <a:rPr lang="en-US" sz="1000">
                <a:solidFill>
                  <a:srgbClr val="7F4F99"/>
                </a:solidFill>
                <a:effectLst/>
                <a:latin typeface="+mj-lt"/>
                <a:ea typeface="Roboto" panose="02000000000000000000" pitchFamily="2" charset="0"/>
                <a:cs typeface="Roboto" panose="02000000000000000000" pitchFamily="2" charset="0"/>
              </a:rPr>
              <a:t>Process Development Specialists</a:t>
            </a:r>
            <a:endParaRPr lang="en-IN" sz="1000">
              <a:solidFill>
                <a:srgbClr val="7F4F99"/>
              </a:solidFill>
              <a:effectLst/>
              <a:latin typeface="+mj-lt"/>
              <a:ea typeface="Roboto" panose="02000000000000000000" pitchFamily="2" charset="0"/>
              <a:cs typeface="Roboto" panose="02000000000000000000" pitchFamily="2" charset="0"/>
            </a:endParaRPr>
          </a:p>
        </p:txBody>
      </p:sp>
      <p:sp>
        <p:nvSpPr>
          <p:cNvPr id="24" name="TextBox 23">
            <a:extLst>
              <a:ext uri="{FF2B5EF4-FFF2-40B4-BE49-F238E27FC236}">
                <a16:creationId xmlns:a16="http://schemas.microsoft.com/office/drawing/2014/main" id="{07269642-3809-6483-A85C-962AD0F2906C}"/>
              </a:ext>
            </a:extLst>
          </p:cNvPr>
          <p:cNvSpPr txBox="1"/>
          <p:nvPr/>
        </p:nvSpPr>
        <p:spPr>
          <a:xfrm>
            <a:off x="685450" y="4417956"/>
            <a:ext cx="1120703" cy="553998"/>
          </a:xfrm>
          <a:prstGeom prst="rect">
            <a:avLst/>
          </a:prstGeom>
          <a:noFill/>
        </p:spPr>
        <p:txBody>
          <a:bodyPr wrap="square" rtlCol="0" anchor="ctr">
            <a:spAutoFit/>
          </a:bodyPr>
          <a:lstStyle/>
          <a:p>
            <a:pPr algn="ctr">
              <a:spcBef>
                <a:spcPts val="100"/>
              </a:spcBef>
            </a:pPr>
            <a:r>
              <a:rPr lang="en-US" sz="1000">
                <a:solidFill>
                  <a:srgbClr val="03879C"/>
                </a:solidFill>
                <a:effectLst/>
                <a:latin typeface="+mj-lt"/>
                <a:ea typeface="Roboto" panose="02000000000000000000" pitchFamily="2" charset="0"/>
                <a:cs typeface="Roboto" panose="02000000000000000000" pitchFamily="2" charset="0"/>
              </a:rPr>
              <a:t>Change Management Specialists</a:t>
            </a:r>
            <a:endParaRPr lang="en-IN" sz="1000">
              <a:solidFill>
                <a:srgbClr val="03879C"/>
              </a:solidFill>
              <a:effectLst/>
              <a:latin typeface="+mj-lt"/>
              <a:ea typeface="Roboto" panose="02000000000000000000" pitchFamily="2" charset="0"/>
              <a:cs typeface="Roboto" panose="02000000000000000000" pitchFamily="2" charset="0"/>
            </a:endParaRPr>
          </a:p>
        </p:txBody>
      </p:sp>
      <p:sp>
        <p:nvSpPr>
          <p:cNvPr id="25" name="TextBox 24">
            <a:extLst>
              <a:ext uri="{FF2B5EF4-FFF2-40B4-BE49-F238E27FC236}">
                <a16:creationId xmlns:a16="http://schemas.microsoft.com/office/drawing/2014/main" id="{B4D7FB20-512D-9124-AEFD-0446C8AEC53E}"/>
              </a:ext>
            </a:extLst>
          </p:cNvPr>
          <p:cNvSpPr txBox="1"/>
          <p:nvPr/>
        </p:nvSpPr>
        <p:spPr>
          <a:xfrm>
            <a:off x="3667008" y="5844786"/>
            <a:ext cx="1120703" cy="553998"/>
          </a:xfrm>
          <a:prstGeom prst="rect">
            <a:avLst/>
          </a:prstGeom>
          <a:noFill/>
        </p:spPr>
        <p:txBody>
          <a:bodyPr wrap="square" rtlCol="0" anchor="ctr">
            <a:spAutoFit/>
          </a:bodyPr>
          <a:lstStyle/>
          <a:p>
            <a:pPr algn="ctr">
              <a:spcBef>
                <a:spcPts val="100"/>
              </a:spcBef>
            </a:pPr>
            <a:r>
              <a:rPr lang="en-US" sz="1000">
                <a:solidFill>
                  <a:srgbClr val="5D5B8D"/>
                </a:solidFill>
                <a:effectLst/>
                <a:latin typeface="+mj-lt"/>
                <a:ea typeface="Roboto" panose="02000000000000000000" pitchFamily="2" charset="0"/>
                <a:cs typeface="Roboto" panose="02000000000000000000" pitchFamily="2" charset="0"/>
              </a:rPr>
              <a:t>Data Analytics and Dashboard Specialists</a:t>
            </a:r>
            <a:endParaRPr lang="en-IN" sz="1000">
              <a:solidFill>
                <a:srgbClr val="5D5B8D"/>
              </a:solidFill>
              <a:effectLst/>
              <a:latin typeface="+mj-lt"/>
              <a:ea typeface="Roboto" panose="02000000000000000000" pitchFamily="2" charset="0"/>
              <a:cs typeface="Roboto" panose="02000000000000000000" pitchFamily="2" charset="0"/>
            </a:endParaRPr>
          </a:p>
        </p:txBody>
      </p:sp>
      <p:sp>
        <p:nvSpPr>
          <p:cNvPr id="26" name="TextBox 25">
            <a:extLst>
              <a:ext uri="{FF2B5EF4-FFF2-40B4-BE49-F238E27FC236}">
                <a16:creationId xmlns:a16="http://schemas.microsoft.com/office/drawing/2014/main" id="{126A23F0-ED24-433A-98E9-4BF82CB0AC0D}"/>
              </a:ext>
            </a:extLst>
          </p:cNvPr>
          <p:cNvSpPr txBox="1"/>
          <p:nvPr/>
        </p:nvSpPr>
        <p:spPr>
          <a:xfrm>
            <a:off x="1864522" y="5844787"/>
            <a:ext cx="1120360" cy="553998"/>
          </a:xfrm>
          <a:prstGeom prst="rect">
            <a:avLst/>
          </a:prstGeom>
          <a:noFill/>
        </p:spPr>
        <p:txBody>
          <a:bodyPr wrap="square" rtlCol="0" anchor="ctr">
            <a:spAutoFit/>
          </a:bodyPr>
          <a:lstStyle/>
          <a:p>
            <a:pPr algn="ctr">
              <a:spcBef>
                <a:spcPts val="100"/>
              </a:spcBef>
            </a:pPr>
            <a:r>
              <a:rPr lang="en-US" sz="1000">
                <a:solidFill>
                  <a:srgbClr val="027B6F"/>
                </a:solidFill>
                <a:effectLst/>
                <a:latin typeface="+mj-lt"/>
                <a:ea typeface="Roboto" panose="02000000000000000000" pitchFamily="2" charset="0"/>
                <a:cs typeface="Roboto" panose="02000000000000000000" pitchFamily="2" charset="0"/>
              </a:rPr>
              <a:t>User Adoption and Transformation</a:t>
            </a:r>
            <a:endParaRPr lang="en-IN" sz="1000">
              <a:solidFill>
                <a:srgbClr val="027B6F"/>
              </a:solidFill>
              <a:effectLst/>
              <a:latin typeface="+mj-lt"/>
              <a:ea typeface="Roboto" panose="02000000000000000000" pitchFamily="2" charset="0"/>
              <a:cs typeface="Roboto" panose="02000000000000000000" pitchFamily="2" charset="0"/>
            </a:endParaRPr>
          </a:p>
        </p:txBody>
      </p:sp>
      <p:sp>
        <p:nvSpPr>
          <p:cNvPr id="27" name="TextBox 26">
            <a:extLst>
              <a:ext uri="{FF2B5EF4-FFF2-40B4-BE49-F238E27FC236}">
                <a16:creationId xmlns:a16="http://schemas.microsoft.com/office/drawing/2014/main" id="{23DFE355-0778-ED0D-01DF-8AE9548809F1}"/>
              </a:ext>
            </a:extLst>
          </p:cNvPr>
          <p:cNvSpPr txBox="1"/>
          <p:nvPr/>
        </p:nvSpPr>
        <p:spPr>
          <a:xfrm>
            <a:off x="2114455" y="3521542"/>
            <a:ext cx="2365349" cy="1015663"/>
          </a:xfrm>
          <a:prstGeom prst="rect">
            <a:avLst/>
          </a:prstGeom>
          <a:noFill/>
        </p:spPr>
        <p:txBody>
          <a:bodyPr wrap="square">
            <a:spAutoFit/>
          </a:bodyPr>
          <a:lstStyle/>
          <a:p>
            <a:pPr algn="ctr" fontAlgn="base"/>
            <a:r>
              <a:rPr lang="en-IN" sz="2000" b="1" i="0">
                <a:effectLst/>
                <a:ea typeface="Roboto" panose="02000000000000000000" pitchFamily="2" charset="0"/>
                <a:cs typeface="Roboto" panose="02000000000000000000" pitchFamily="2" charset="0"/>
              </a:rPr>
              <a:t>LEARNING CONSULTING SERVICES</a:t>
            </a:r>
          </a:p>
        </p:txBody>
      </p:sp>
      <p:pic>
        <p:nvPicPr>
          <p:cNvPr id="28" name="Picture 27" descr="Shape&#10;&#10;Description automatically generated with low confidence">
            <a:extLst>
              <a:ext uri="{FF2B5EF4-FFF2-40B4-BE49-F238E27FC236}">
                <a16:creationId xmlns:a16="http://schemas.microsoft.com/office/drawing/2014/main" id="{5D366D3F-0291-931E-F1E2-DA158002BB5E}"/>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1097092" y="4044031"/>
            <a:ext cx="328225" cy="328225"/>
          </a:xfrm>
          <a:prstGeom prst="rect">
            <a:avLst/>
          </a:prstGeom>
        </p:spPr>
      </p:pic>
      <p:pic>
        <p:nvPicPr>
          <p:cNvPr id="29" name="Picture 28">
            <a:extLst>
              <a:ext uri="{FF2B5EF4-FFF2-40B4-BE49-F238E27FC236}">
                <a16:creationId xmlns:a16="http://schemas.microsoft.com/office/drawing/2014/main" id="{62CF4C38-CC5E-0DBD-1026-8D6AD9FF8526}"/>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1438772" y="2284299"/>
            <a:ext cx="354856" cy="354856"/>
          </a:xfrm>
          <a:prstGeom prst="rect">
            <a:avLst/>
          </a:prstGeom>
        </p:spPr>
      </p:pic>
      <p:pic>
        <p:nvPicPr>
          <p:cNvPr id="30" name="Picture 29" descr="Shape&#10;&#10;Description automatically generated with low confidence">
            <a:extLst>
              <a:ext uri="{FF2B5EF4-FFF2-40B4-BE49-F238E27FC236}">
                <a16:creationId xmlns:a16="http://schemas.microsoft.com/office/drawing/2014/main" id="{CEA504B0-5B3B-71C3-0047-9708FC4CAF92}"/>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3057501" y="1466657"/>
            <a:ext cx="393022" cy="393022"/>
          </a:xfrm>
          <a:prstGeom prst="rect">
            <a:avLst/>
          </a:prstGeom>
        </p:spPr>
      </p:pic>
      <p:pic>
        <p:nvPicPr>
          <p:cNvPr id="31" name="Picture 30" descr="Shape&#10;&#10;Description automatically generated with low confidence">
            <a:extLst>
              <a:ext uri="{FF2B5EF4-FFF2-40B4-BE49-F238E27FC236}">
                <a16:creationId xmlns:a16="http://schemas.microsoft.com/office/drawing/2014/main" id="{0508579C-BBBB-DA2B-70E6-DB9463D795AF}"/>
              </a:ext>
            </a:extLst>
          </p:cNvPr>
          <p:cNvPicPr>
            <a:picLocks noChangeAspect="1"/>
          </p:cNvPicPr>
          <p:nvPr/>
        </p:nvPicPr>
        <p:blipFill>
          <a:blip r:embed="rId7" cstate="email">
            <a:extLst>
              <a:ext uri="{28A0092B-C50C-407E-A947-70E740481C1C}">
                <a14:useLocalDpi xmlns:a14="http://schemas.microsoft.com/office/drawing/2010/main"/>
              </a:ext>
            </a:extLst>
          </a:blip>
          <a:stretch>
            <a:fillRect/>
          </a:stretch>
        </p:blipFill>
        <p:spPr>
          <a:xfrm>
            <a:off x="4041386" y="5438838"/>
            <a:ext cx="371945" cy="371945"/>
          </a:xfrm>
          <a:prstGeom prst="rect">
            <a:avLst/>
          </a:prstGeom>
        </p:spPr>
      </p:pic>
      <p:pic>
        <p:nvPicPr>
          <p:cNvPr id="32" name="Picture 31" descr="Shape&#10;&#10;Description automatically generated with low confidence">
            <a:extLst>
              <a:ext uri="{FF2B5EF4-FFF2-40B4-BE49-F238E27FC236}">
                <a16:creationId xmlns:a16="http://schemas.microsoft.com/office/drawing/2014/main" id="{B8970F2C-B617-1F7D-28AF-89BB447C7BC4}"/>
              </a:ext>
            </a:extLst>
          </p:cNvPr>
          <p:cNvPicPr>
            <a:picLocks noChangeAspect="1"/>
          </p:cNvPicPr>
          <p:nvPr/>
        </p:nvPicPr>
        <p:blipFill>
          <a:blip r:embed="rId8" cstate="email">
            <a:extLst>
              <a:ext uri="{28A0092B-C50C-407E-A947-70E740481C1C}">
                <a14:useLocalDpi xmlns:a14="http://schemas.microsoft.com/office/drawing/2010/main"/>
              </a:ext>
            </a:extLst>
          </a:blip>
          <a:stretch>
            <a:fillRect/>
          </a:stretch>
        </p:blipFill>
        <p:spPr>
          <a:xfrm>
            <a:off x="5162487" y="4027601"/>
            <a:ext cx="371945" cy="371945"/>
          </a:xfrm>
          <a:prstGeom prst="rect">
            <a:avLst/>
          </a:prstGeom>
        </p:spPr>
      </p:pic>
      <p:pic>
        <p:nvPicPr>
          <p:cNvPr id="33" name="Picture 32">
            <a:extLst>
              <a:ext uri="{FF2B5EF4-FFF2-40B4-BE49-F238E27FC236}">
                <a16:creationId xmlns:a16="http://schemas.microsoft.com/office/drawing/2014/main" id="{D562B558-4BD8-DBB6-1A12-0147B032A285}"/>
              </a:ext>
            </a:extLst>
          </p:cNvPr>
          <p:cNvPicPr>
            <a:picLocks noChangeAspect="1"/>
          </p:cNvPicPr>
          <p:nvPr/>
        </p:nvPicPr>
        <p:blipFill>
          <a:blip r:embed="rId9" cstate="email">
            <a:extLst>
              <a:ext uri="{28A0092B-C50C-407E-A947-70E740481C1C}">
                <a14:useLocalDpi xmlns:a14="http://schemas.microsoft.com/office/drawing/2010/main"/>
              </a:ext>
            </a:extLst>
          </a:blip>
          <a:stretch>
            <a:fillRect/>
          </a:stretch>
        </p:blipFill>
        <p:spPr>
          <a:xfrm>
            <a:off x="2238533" y="5449290"/>
            <a:ext cx="372339" cy="372339"/>
          </a:xfrm>
          <a:prstGeom prst="rect">
            <a:avLst/>
          </a:prstGeom>
        </p:spPr>
      </p:pic>
      <p:pic>
        <p:nvPicPr>
          <p:cNvPr id="34" name="Picture 33" descr="Shape&#10;&#10;Description automatically generated with low confidence">
            <a:extLst>
              <a:ext uri="{FF2B5EF4-FFF2-40B4-BE49-F238E27FC236}">
                <a16:creationId xmlns:a16="http://schemas.microsoft.com/office/drawing/2014/main" id="{AC815FF1-CCD5-47DC-0C97-5E33CFCB0752}"/>
              </a:ext>
            </a:extLst>
          </p:cNvPr>
          <p:cNvPicPr>
            <a:picLocks noChangeAspect="1"/>
          </p:cNvPicPr>
          <p:nvPr/>
        </p:nvPicPr>
        <p:blipFill>
          <a:blip r:embed="rId10" cstate="email">
            <a:extLst>
              <a:ext uri="{28A0092B-C50C-407E-A947-70E740481C1C}">
                <a14:useLocalDpi xmlns:a14="http://schemas.microsoft.com/office/drawing/2010/main"/>
              </a:ext>
            </a:extLst>
          </a:blip>
          <a:stretch>
            <a:fillRect/>
          </a:stretch>
        </p:blipFill>
        <p:spPr>
          <a:xfrm>
            <a:off x="4725634" y="2236600"/>
            <a:ext cx="371945" cy="371945"/>
          </a:xfrm>
          <a:prstGeom prst="rect">
            <a:avLst/>
          </a:prstGeom>
        </p:spPr>
      </p:pic>
      <p:graphicFrame>
        <p:nvGraphicFramePr>
          <p:cNvPr id="35" name="Table 34">
            <a:extLst>
              <a:ext uri="{FF2B5EF4-FFF2-40B4-BE49-F238E27FC236}">
                <a16:creationId xmlns:a16="http://schemas.microsoft.com/office/drawing/2014/main" id="{A39BFDEF-0D55-4330-7D37-37FFFA663BA9}"/>
              </a:ext>
            </a:extLst>
          </p:cNvPr>
          <p:cNvGraphicFramePr>
            <a:graphicFrameLocks noGrp="1"/>
          </p:cNvGraphicFramePr>
          <p:nvPr/>
        </p:nvGraphicFramePr>
        <p:xfrm>
          <a:off x="2453102" y="4634635"/>
          <a:ext cx="1752044" cy="63193"/>
        </p:xfrm>
        <a:graphic>
          <a:graphicData uri="http://schemas.openxmlformats.org/drawingml/2006/table">
            <a:tbl>
              <a:tblPr firstRow="1" bandRow="1">
                <a:tableStyleId>{5C22544A-7EE6-4342-B048-85BDC9FD1C3A}</a:tableStyleId>
              </a:tblPr>
              <a:tblGrid>
                <a:gridCol w="250292">
                  <a:extLst>
                    <a:ext uri="{9D8B030D-6E8A-4147-A177-3AD203B41FA5}">
                      <a16:colId xmlns:a16="http://schemas.microsoft.com/office/drawing/2014/main" val="1423692743"/>
                    </a:ext>
                  </a:extLst>
                </a:gridCol>
                <a:gridCol w="250292">
                  <a:extLst>
                    <a:ext uri="{9D8B030D-6E8A-4147-A177-3AD203B41FA5}">
                      <a16:colId xmlns:a16="http://schemas.microsoft.com/office/drawing/2014/main" val="1692161566"/>
                    </a:ext>
                  </a:extLst>
                </a:gridCol>
                <a:gridCol w="250292">
                  <a:extLst>
                    <a:ext uri="{9D8B030D-6E8A-4147-A177-3AD203B41FA5}">
                      <a16:colId xmlns:a16="http://schemas.microsoft.com/office/drawing/2014/main" val="281665169"/>
                    </a:ext>
                  </a:extLst>
                </a:gridCol>
                <a:gridCol w="250292">
                  <a:extLst>
                    <a:ext uri="{9D8B030D-6E8A-4147-A177-3AD203B41FA5}">
                      <a16:colId xmlns:a16="http://schemas.microsoft.com/office/drawing/2014/main" val="3619462369"/>
                    </a:ext>
                  </a:extLst>
                </a:gridCol>
                <a:gridCol w="250292">
                  <a:extLst>
                    <a:ext uri="{9D8B030D-6E8A-4147-A177-3AD203B41FA5}">
                      <a16:colId xmlns:a16="http://schemas.microsoft.com/office/drawing/2014/main" val="3039608560"/>
                    </a:ext>
                  </a:extLst>
                </a:gridCol>
                <a:gridCol w="250292">
                  <a:extLst>
                    <a:ext uri="{9D8B030D-6E8A-4147-A177-3AD203B41FA5}">
                      <a16:colId xmlns:a16="http://schemas.microsoft.com/office/drawing/2014/main" val="2187291478"/>
                    </a:ext>
                  </a:extLst>
                </a:gridCol>
                <a:gridCol w="250292">
                  <a:extLst>
                    <a:ext uri="{9D8B030D-6E8A-4147-A177-3AD203B41FA5}">
                      <a16:colId xmlns:a16="http://schemas.microsoft.com/office/drawing/2014/main" val="324529852"/>
                    </a:ext>
                  </a:extLst>
                </a:gridCol>
              </a:tblGrid>
              <a:tr h="63193">
                <a:tc>
                  <a:txBody>
                    <a:bodyPr/>
                    <a:lstStyle/>
                    <a:p>
                      <a:endParaRPr lang="en-IN" sz="100"/>
                    </a:p>
                  </a:txBody>
                  <a:tcPr marL="32049" marR="32049" marT="17626" marB="17626">
                    <a:lnL w="12700" cmpd="sng">
                      <a:noFill/>
                    </a:lnL>
                    <a:lnR w="12700" cmpd="sng">
                      <a:noFill/>
                    </a:lnR>
                    <a:lnT w="12700" cmpd="sng">
                      <a:noFill/>
                    </a:lnT>
                    <a:lnB w="38100" cmpd="sng">
                      <a:noFill/>
                    </a:lnB>
                    <a:lnTlToBr w="12700" cmpd="sng">
                      <a:noFill/>
                      <a:prstDash val="solid"/>
                    </a:lnTlToBr>
                    <a:lnBlToTr w="12700" cmpd="sng">
                      <a:noFill/>
                      <a:prstDash val="solid"/>
                    </a:lnBlToTr>
                    <a:solidFill>
                      <a:srgbClr val="314BA1"/>
                    </a:solidFill>
                  </a:tcPr>
                </a:tc>
                <a:tc>
                  <a:txBody>
                    <a:bodyPr/>
                    <a:lstStyle/>
                    <a:p>
                      <a:endParaRPr lang="en-IN" sz="100"/>
                    </a:p>
                  </a:txBody>
                  <a:tcPr marL="32049" marR="32049" marT="17626" marB="17626">
                    <a:lnL w="12700" cmpd="sng">
                      <a:noFill/>
                    </a:lnL>
                    <a:lnR w="12700" cmpd="sng">
                      <a:noFill/>
                    </a:lnR>
                    <a:lnT w="12700" cmpd="sng">
                      <a:noFill/>
                    </a:lnT>
                    <a:lnB w="38100" cmpd="sng">
                      <a:noFill/>
                    </a:lnB>
                    <a:lnTlToBr w="12700" cmpd="sng">
                      <a:noFill/>
                      <a:prstDash val="solid"/>
                    </a:lnTlToBr>
                    <a:lnBlToTr w="12700" cmpd="sng">
                      <a:noFill/>
                      <a:prstDash val="solid"/>
                    </a:lnBlToTr>
                    <a:solidFill>
                      <a:srgbClr val="48609C"/>
                    </a:solidFill>
                  </a:tcPr>
                </a:tc>
                <a:tc>
                  <a:txBody>
                    <a:bodyPr/>
                    <a:lstStyle/>
                    <a:p>
                      <a:endParaRPr lang="en-IN" sz="100"/>
                    </a:p>
                  </a:txBody>
                  <a:tcPr marL="32049" marR="32049" marT="17626" marB="17626">
                    <a:lnL w="12700" cmpd="sng">
                      <a:noFill/>
                    </a:lnL>
                    <a:lnR w="12700" cmpd="sng">
                      <a:noFill/>
                    </a:lnR>
                    <a:lnT w="12700" cmpd="sng">
                      <a:noFill/>
                    </a:lnT>
                    <a:lnB w="38100" cmpd="sng">
                      <a:noFill/>
                    </a:lnB>
                    <a:lnTlToBr w="12700" cmpd="sng">
                      <a:noFill/>
                      <a:prstDash val="solid"/>
                    </a:lnTlToBr>
                    <a:lnBlToTr w="12700" cmpd="sng">
                      <a:noFill/>
                      <a:prstDash val="solid"/>
                    </a:lnBlToTr>
                    <a:solidFill>
                      <a:srgbClr val="7F4F99"/>
                    </a:solidFill>
                  </a:tcPr>
                </a:tc>
                <a:tc>
                  <a:txBody>
                    <a:bodyPr/>
                    <a:lstStyle/>
                    <a:p>
                      <a:endParaRPr lang="en-IN" sz="100"/>
                    </a:p>
                  </a:txBody>
                  <a:tcPr marL="32049" marR="32049" marT="17626" marB="17626">
                    <a:lnL w="12700" cmpd="sng">
                      <a:noFill/>
                    </a:lnL>
                    <a:lnR w="12700" cmpd="sng">
                      <a:noFill/>
                    </a:lnR>
                    <a:lnT w="12700" cmpd="sng">
                      <a:noFill/>
                    </a:lnT>
                    <a:lnB w="38100" cmpd="sng">
                      <a:noFill/>
                    </a:lnB>
                    <a:lnTlToBr w="12700" cmpd="sng">
                      <a:noFill/>
                      <a:prstDash val="solid"/>
                    </a:lnTlToBr>
                    <a:lnBlToTr w="12700" cmpd="sng">
                      <a:noFill/>
                      <a:prstDash val="solid"/>
                    </a:lnBlToTr>
                    <a:solidFill>
                      <a:srgbClr val="5D5B8D"/>
                    </a:solidFill>
                  </a:tcPr>
                </a:tc>
                <a:tc>
                  <a:txBody>
                    <a:bodyPr/>
                    <a:lstStyle/>
                    <a:p>
                      <a:endParaRPr lang="en-IN" sz="100"/>
                    </a:p>
                  </a:txBody>
                  <a:tcPr marL="32049" marR="32049" marT="17626" marB="17626">
                    <a:lnL w="12700" cmpd="sng">
                      <a:noFill/>
                    </a:lnL>
                    <a:lnR w="12700" cmpd="sng">
                      <a:noFill/>
                    </a:lnR>
                    <a:lnT w="12700" cmpd="sng">
                      <a:noFill/>
                    </a:lnT>
                    <a:lnB w="38100" cmpd="sng">
                      <a:noFill/>
                    </a:lnB>
                    <a:lnTlToBr w="12700" cmpd="sng">
                      <a:noFill/>
                      <a:prstDash val="solid"/>
                    </a:lnTlToBr>
                    <a:lnBlToTr w="12700" cmpd="sng">
                      <a:noFill/>
                      <a:prstDash val="solid"/>
                    </a:lnBlToTr>
                    <a:solidFill>
                      <a:srgbClr val="027B6F"/>
                    </a:solidFill>
                  </a:tcPr>
                </a:tc>
                <a:tc>
                  <a:txBody>
                    <a:bodyPr/>
                    <a:lstStyle/>
                    <a:p>
                      <a:endParaRPr lang="en-IN" sz="100"/>
                    </a:p>
                  </a:txBody>
                  <a:tcPr marL="32049" marR="32049" marT="17626" marB="17626">
                    <a:lnL w="12700" cmpd="sng">
                      <a:noFill/>
                    </a:lnL>
                    <a:lnR w="12700" cmpd="sng">
                      <a:noFill/>
                    </a:lnR>
                    <a:lnT w="12700" cmpd="sng">
                      <a:noFill/>
                    </a:lnT>
                    <a:lnB w="38100" cmpd="sng">
                      <a:noFill/>
                    </a:lnB>
                    <a:lnTlToBr w="12700" cmpd="sng">
                      <a:noFill/>
                      <a:prstDash val="solid"/>
                    </a:lnTlToBr>
                    <a:lnBlToTr w="12700" cmpd="sng">
                      <a:noFill/>
                      <a:prstDash val="solid"/>
                    </a:lnBlToTr>
                    <a:solidFill>
                      <a:srgbClr val="03879C"/>
                    </a:solidFill>
                  </a:tcPr>
                </a:tc>
                <a:tc>
                  <a:txBody>
                    <a:bodyPr/>
                    <a:lstStyle/>
                    <a:p>
                      <a:endParaRPr lang="en-IN" sz="100"/>
                    </a:p>
                  </a:txBody>
                  <a:tcPr marL="32049" marR="32049" marT="17626" marB="17626">
                    <a:lnL w="12700" cmpd="sng">
                      <a:noFill/>
                    </a:lnL>
                    <a:lnR w="12700" cmpd="sng">
                      <a:noFill/>
                    </a:lnR>
                    <a:lnT w="12700" cmpd="sng">
                      <a:noFill/>
                    </a:lnT>
                    <a:lnB w="38100" cmpd="sng">
                      <a:noFill/>
                    </a:lnB>
                    <a:lnTlToBr w="12700" cmpd="sng">
                      <a:noFill/>
                      <a:prstDash val="solid"/>
                    </a:lnTlToBr>
                    <a:lnBlToTr w="12700" cmpd="sng">
                      <a:noFill/>
                      <a:prstDash val="solid"/>
                    </a:lnBlToTr>
                    <a:solidFill>
                      <a:srgbClr val="929DB3"/>
                    </a:solidFill>
                  </a:tcPr>
                </a:tc>
                <a:extLst>
                  <a:ext uri="{0D108BD9-81ED-4DB2-BD59-A6C34878D82A}">
                    <a16:rowId xmlns:a16="http://schemas.microsoft.com/office/drawing/2014/main" val="839580262"/>
                  </a:ext>
                </a:extLst>
              </a:tr>
            </a:tbl>
          </a:graphicData>
        </a:graphic>
      </p:graphicFrame>
      <p:sp>
        <p:nvSpPr>
          <p:cNvPr id="44" name="Rounded Rectangle 11">
            <a:extLst>
              <a:ext uri="{FF2B5EF4-FFF2-40B4-BE49-F238E27FC236}">
                <a16:creationId xmlns:a16="http://schemas.microsoft.com/office/drawing/2014/main" id="{211038F2-66B4-C780-B6E9-9B24A3BC3F67}"/>
              </a:ext>
            </a:extLst>
          </p:cNvPr>
          <p:cNvSpPr/>
          <p:nvPr/>
        </p:nvSpPr>
        <p:spPr>
          <a:xfrm>
            <a:off x="6647381" y="2593940"/>
            <a:ext cx="4998777" cy="3515990"/>
          </a:xfrm>
          <a:prstGeom prst="roundRect">
            <a:avLst>
              <a:gd name="adj" fmla="val 1231"/>
            </a:avLst>
          </a:prstGeom>
          <a:solidFill>
            <a:schemeClr val="bg1"/>
          </a:solidFill>
          <a:ln>
            <a:noFill/>
          </a:ln>
          <a:effectLst>
            <a:outerShdw blurRad="38100" dist="12700" dir="5400000" algn="t" rotWithShape="0">
              <a:prstClr val="black">
                <a:alpha val="1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cxnSp>
        <p:nvCxnSpPr>
          <p:cNvPr id="45" name="Straight Connector 44">
            <a:extLst>
              <a:ext uri="{FF2B5EF4-FFF2-40B4-BE49-F238E27FC236}">
                <a16:creationId xmlns:a16="http://schemas.microsoft.com/office/drawing/2014/main" id="{6815F726-A42C-ED71-2AE3-91F3AB4A62D4}"/>
              </a:ext>
            </a:extLst>
          </p:cNvPr>
          <p:cNvCxnSpPr/>
          <p:nvPr/>
        </p:nvCxnSpPr>
        <p:spPr>
          <a:xfrm>
            <a:off x="6857420" y="2593940"/>
            <a:ext cx="0" cy="609522"/>
          </a:xfrm>
          <a:prstGeom prst="line">
            <a:avLst/>
          </a:prstGeom>
          <a:ln w="25400">
            <a:solidFill>
              <a:schemeClr val="tx1">
                <a:alpha val="10000"/>
              </a:schemeClr>
            </a:solidFill>
          </a:ln>
        </p:spPr>
        <p:style>
          <a:lnRef idx="1">
            <a:schemeClr val="accent1"/>
          </a:lnRef>
          <a:fillRef idx="0">
            <a:schemeClr val="accent1"/>
          </a:fillRef>
          <a:effectRef idx="0">
            <a:schemeClr val="accent1"/>
          </a:effectRef>
          <a:fontRef idx="minor">
            <a:schemeClr val="tx1"/>
          </a:fontRef>
        </p:style>
      </p:cxnSp>
      <p:sp>
        <p:nvSpPr>
          <p:cNvPr id="46" name="TextBox 45">
            <a:extLst>
              <a:ext uri="{FF2B5EF4-FFF2-40B4-BE49-F238E27FC236}">
                <a16:creationId xmlns:a16="http://schemas.microsoft.com/office/drawing/2014/main" id="{62D684CE-90A9-A785-66FF-896E3543BC54}"/>
              </a:ext>
            </a:extLst>
          </p:cNvPr>
          <p:cNvSpPr txBox="1"/>
          <p:nvPr/>
        </p:nvSpPr>
        <p:spPr>
          <a:xfrm>
            <a:off x="6952876" y="3551959"/>
            <a:ext cx="4259851" cy="2015936"/>
          </a:xfrm>
          <a:prstGeom prst="rect">
            <a:avLst/>
          </a:prstGeom>
          <a:noFill/>
        </p:spPr>
        <p:txBody>
          <a:bodyPr wrap="square">
            <a:spAutoFit/>
          </a:bodyPr>
          <a:lstStyle/>
          <a:p>
            <a:pPr>
              <a:spcAft>
                <a:spcPts val="600"/>
              </a:spcAft>
            </a:pPr>
            <a:r>
              <a:rPr lang="en-US" sz="1200">
                <a:ea typeface="Roboto Light" panose="02000000000000000000" pitchFamily="2" charset="0"/>
                <a:cs typeface="Roboto Light" panose="02000000000000000000" pitchFamily="2" charset="0"/>
              </a:rPr>
              <a:t>Aptara places expert consultants with our clients on a flexible timeline or a dedicated basis, allowing organizations to expand their teams’ skills and support without the expense of adding permanent headcount.</a:t>
            </a:r>
          </a:p>
          <a:p>
            <a:pPr>
              <a:spcAft>
                <a:spcPts val="600"/>
              </a:spcAft>
            </a:pPr>
            <a:r>
              <a:rPr lang="en-IN" sz="1200">
                <a:ea typeface="Roboto Light" panose="02000000000000000000" pitchFamily="2" charset="0"/>
                <a:cs typeface="Roboto Light" panose="02000000000000000000" pitchFamily="2" charset="0"/>
              </a:rPr>
              <a:t>Aptara provides consultants with a cross cultural training and multilingual capabilities. Our consultants work closely with you on a variety of requirements from process transformation, CX support and helpdesk to systems administration and maintenance. Our teams help bridge the cultural gap and boost your training initiatives.</a:t>
            </a:r>
          </a:p>
        </p:txBody>
      </p:sp>
      <p:sp>
        <p:nvSpPr>
          <p:cNvPr id="47" name="TextBox 46">
            <a:extLst>
              <a:ext uri="{FF2B5EF4-FFF2-40B4-BE49-F238E27FC236}">
                <a16:creationId xmlns:a16="http://schemas.microsoft.com/office/drawing/2014/main" id="{8AEBA369-DE47-9338-B3E6-43E3A1585553}"/>
              </a:ext>
            </a:extLst>
          </p:cNvPr>
          <p:cNvSpPr txBox="1"/>
          <p:nvPr/>
        </p:nvSpPr>
        <p:spPr>
          <a:xfrm>
            <a:off x="6940819" y="2948369"/>
            <a:ext cx="4621941" cy="338554"/>
          </a:xfrm>
          <a:prstGeom prst="rect">
            <a:avLst/>
          </a:prstGeom>
          <a:noFill/>
        </p:spPr>
        <p:txBody>
          <a:bodyPr wrap="square">
            <a:spAutoFit/>
          </a:bodyPr>
          <a:lstStyle/>
          <a:p>
            <a:pPr lvl="0"/>
            <a:r>
              <a:rPr lang="en-US" sz="1600" b="1">
                <a:ea typeface="Roboto" panose="02000000000000000000" pitchFamily="2" charset="0"/>
                <a:cs typeface="Roboto" panose="02000000000000000000" pitchFamily="2" charset="0"/>
              </a:rPr>
              <a:t>FLEXIBLE/DEDICATED STAFFING MODELS</a:t>
            </a:r>
          </a:p>
        </p:txBody>
      </p:sp>
      <p:graphicFrame>
        <p:nvGraphicFramePr>
          <p:cNvPr id="48" name="Table 33">
            <a:extLst>
              <a:ext uri="{FF2B5EF4-FFF2-40B4-BE49-F238E27FC236}">
                <a16:creationId xmlns:a16="http://schemas.microsoft.com/office/drawing/2014/main" id="{FEBB0D8E-5A90-5E6A-5C87-354947B1CB0D}"/>
              </a:ext>
            </a:extLst>
          </p:cNvPr>
          <p:cNvGraphicFramePr>
            <a:graphicFrameLocks noGrp="1"/>
          </p:cNvGraphicFramePr>
          <p:nvPr/>
        </p:nvGraphicFramePr>
        <p:xfrm>
          <a:off x="6647381" y="6073755"/>
          <a:ext cx="4998777" cy="54534"/>
        </p:xfrm>
        <a:graphic>
          <a:graphicData uri="http://schemas.openxmlformats.org/drawingml/2006/table">
            <a:tbl>
              <a:tblPr firstRow="1" bandRow="1">
                <a:tableStyleId>{5C22544A-7EE6-4342-B048-85BDC9FD1C3A}</a:tableStyleId>
              </a:tblPr>
              <a:tblGrid>
                <a:gridCol w="714111">
                  <a:extLst>
                    <a:ext uri="{9D8B030D-6E8A-4147-A177-3AD203B41FA5}">
                      <a16:colId xmlns:a16="http://schemas.microsoft.com/office/drawing/2014/main" val="1423692743"/>
                    </a:ext>
                  </a:extLst>
                </a:gridCol>
                <a:gridCol w="714111">
                  <a:extLst>
                    <a:ext uri="{9D8B030D-6E8A-4147-A177-3AD203B41FA5}">
                      <a16:colId xmlns:a16="http://schemas.microsoft.com/office/drawing/2014/main" val="1692161566"/>
                    </a:ext>
                  </a:extLst>
                </a:gridCol>
                <a:gridCol w="714111">
                  <a:extLst>
                    <a:ext uri="{9D8B030D-6E8A-4147-A177-3AD203B41FA5}">
                      <a16:colId xmlns:a16="http://schemas.microsoft.com/office/drawing/2014/main" val="281665169"/>
                    </a:ext>
                  </a:extLst>
                </a:gridCol>
                <a:gridCol w="714111">
                  <a:extLst>
                    <a:ext uri="{9D8B030D-6E8A-4147-A177-3AD203B41FA5}">
                      <a16:colId xmlns:a16="http://schemas.microsoft.com/office/drawing/2014/main" val="3619462369"/>
                    </a:ext>
                  </a:extLst>
                </a:gridCol>
                <a:gridCol w="714111">
                  <a:extLst>
                    <a:ext uri="{9D8B030D-6E8A-4147-A177-3AD203B41FA5}">
                      <a16:colId xmlns:a16="http://schemas.microsoft.com/office/drawing/2014/main" val="3039608560"/>
                    </a:ext>
                  </a:extLst>
                </a:gridCol>
                <a:gridCol w="714111">
                  <a:extLst>
                    <a:ext uri="{9D8B030D-6E8A-4147-A177-3AD203B41FA5}">
                      <a16:colId xmlns:a16="http://schemas.microsoft.com/office/drawing/2014/main" val="2187291478"/>
                    </a:ext>
                  </a:extLst>
                </a:gridCol>
                <a:gridCol w="714111">
                  <a:extLst>
                    <a:ext uri="{9D8B030D-6E8A-4147-A177-3AD203B41FA5}">
                      <a16:colId xmlns:a16="http://schemas.microsoft.com/office/drawing/2014/main" val="324529852"/>
                    </a:ext>
                  </a:extLst>
                </a:gridCol>
              </a:tblGrid>
              <a:tr h="0">
                <a:tc>
                  <a:txBody>
                    <a:bodyPr/>
                    <a:lstStyle/>
                    <a:p>
                      <a:endParaRPr lang="en-IN" sz="100"/>
                    </a:p>
                  </a:txBody>
                  <a:tcPr marT="14567" marB="14567">
                    <a:lnL w="12700" cmpd="sng">
                      <a:noFill/>
                    </a:lnL>
                    <a:lnR w="12700" cmpd="sng">
                      <a:noFill/>
                    </a:lnR>
                    <a:lnT w="12700" cmpd="sng">
                      <a:noFill/>
                    </a:lnT>
                    <a:lnB w="38100" cmpd="sng">
                      <a:noFill/>
                    </a:lnB>
                    <a:lnTlToBr w="12700" cmpd="sng">
                      <a:noFill/>
                      <a:prstDash val="solid"/>
                    </a:lnTlToBr>
                    <a:lnBlToTr w="12700" cmpd="sng">
                      <a:noFill/>
                      <a:prstDash val="solid"/>
                    </a:lnBlToTr>
                    <a:solidFill>
                      <a:srgbClr val="314BA1"/>
                    </a:solidFill>
                  </a:tcPr>
                </a:tc>
                <a:tc>
                  <a:txBody>
                    <a:bodyPr/>
                    <a:lstStyle/>
                    <a:p>
                      <a:endParaRPr lang="en-IN" sz="100"/>
                    </a:p>
                  </a:txBody>
                  <a:tcPr marT="14567" marB="14567">
                    <a:lnL w="12700" cmpd="sng">
                      <a:noFill/>
                    </a:lnL>
                    <a:lnR w="12700" cmpd="sng">
                      <a:noFill/>
                    </a:lnR>
                    <a:lnT w="12700" cmpd="sng">
                      <a:noFill/>
                    </a:lnT>
                    <a:lnB w="38100" cmpd="sng">
                      <a:noFill/>
                    </a:lnB>
                    <a:lnTlToBr w="12700" cmpd="sng">
                      <a:noFill/>
                      <a:prstDash val="solid"/>
                    </a:lnTlToBr>
                    <a:lnBlToTr w="12700" cmpd="sng">
                      <a:noFill/>
                      <a:prstDash val="solid"/>
                    </a:lnBlToTr>
                    <a:solidFill>
                      <a:srgbClr val="48609C"/>
                    </a:solidFill>
                  </a:tcPr>
                </a:tc>
                <a:tc>
                  <a:txBody>
                    <a:bodyPr/>
                    <a:lstStyle/>
                    <a:p>
                      <a:endParaRPr lang="en-IN" sz="100"/>
                    </a:p>
                  </a:txBody>
                  <a:tcPr marT="14567" marB="14567">
                    <a:lnL w="12700" cmpd="sng">
                      <a:noFill/>
                    </a:lnL>
                    <a:lnR w="12700" cmpd="sng">
                      <a:noFill/>
                    </a:lnR>
                    <a:lnT w="12700" cmpd="sng">
                      <a:noFill/>
                    </a:lnT>
                    <a:lnB w="38100" cmpd="sng">
                      <a:noFill/>
                    </a:lnB>
                    <a:lnTlToBr w="12700" cmpd="sng">
                      <a:noFill/>
                      <a:prstDash val="solid"/>
                    </a:lnTlToBr>
                    <a:lnBlToTr w="12700" cmpd="sng">
                      <a:noFill/>
                      <a:prstDash val="solid"/>
                    </a:lnBlToTr>
                    <a:solidFill>
                      <a:srgbClr val="7F4F99"/>
                    </a:solidFill>
                  </a:tcPr>
                </a:tc>
                <a:tc>
                  <a:txBody>
                    <a:bodyPr/>
                    <a:lstStyle/>
                    <a:p>
                      <a:endParaRPr lang="en-IN" sz="100"/>
                    </a:p>
                  </a:txBody>
                  <a:tcPr marT="14567" marB="14567">
                    <a:lnL w="12700" cmpd="sng">
                      <a:noFill/>
                    </a:lnL>
                    <a:lnR w="12700" cmpd="sng">
                      <a:noFill/>
                    </a:lnR>
                    <a:lnT w="12700" cmpd="sng">
                      <a:noFill/>
                    </a:lnT>
                    <a:lnB w="38100" cmpd="sng">
                      <a:noFill/>
                    </a:lnB>
                    <a:lnTlToBr w="12700" cmpd="sng">
                      <a:noFill/>
                      <a:prstDash val="solid"/>
                    </a:lnTlToBr>
                    <a:lnBlToTr w="12700" cmpd="sng">
                      <a:noFill/>
                      <a:prstDash val="solid"/>
                    </a:lnBlToTr>
                    <a:solidFill>
                      <a:srgbClr val="5D5B8D"/>
                    </a:solidFill>
                  </a:tcPr>
                </a:tc>
                <a:tc>
                  <a:txBody>
                    <a:bodyPr/>
                    <a:lstStyle/>
                    <a:p>
                      <a:endParaRPr lang="en-IN" sz="100"/>
                    </a:p>
                  </a:txBody>
                  <a:tcPr marT="14567" marB="14567">
                    <a:lnL w="12700" cmpd="sng">
                      <a:noFill/>
                    </a:lnL>
                    <a:lnR w="12700" cmpd="sng">
                      <a:noFill/>
                    </a:lnR>
                    <a:lnT w="12700" cmpd="sng">
                      <a:noFill/>
                    </a:lnT>
                    <a:lnB w="38100" cmpd="sng">
                      <a:noFill/>
                    </a:lnB>
                    <a:lnTlToBr w="12700" cmpd="sng">
                      <a:noFill/>
                      <a:prstDash val="solid"/>
                    </a:lnTlToBr>
                    <a:lnBlToTr w="12700" cmpd="sng">
                      <a:noFill/>
                      <a:prstDash val="solid"/>
                    </a:lnBlToTr>
                    <a:solidFill>
                      <a:srgbClr val="027B6F"/>
                    </a:solidFill>
                  </a:tcPr>
                </a:tc>
                <a:tc>
                  <a:txBody>
                    <a:bodyPr/>
                    <a:lstStyle/>
                    <a:p>
                      <a:endParaRPr lang="en-IN" sz="100"/>
                    </a:p>
                  </a:txBody>
                  <a:tcPr marT="14567" marB="14567">
                    <a:lnL w="12700" cmpd="sng">
                      <a:noFill/>
                    </a:lnL>
                    <a:lnR w="12700" cmpd="sng">
                      <a:noFill/>
                    </a:lnR>
                    <a:lnT w="12700" cmpd="sng">
                      <a:noFill/>
                    </a:lnT>
                    <a:lnB w="38100" cmpd="sng">
                      <a:noFill/>
                    </a:lnB>
                    <a:lnTlToBr w="12700" cmpd="sng">
                      <a:noFill/>
                      <a:prstDash val="solid"/>
                    </a:lnTlToBr>
                    <a:lnBlToTr w="12700" cmpd="sng">
                      <a:noFill/>
                      <a:prstDash val="solid"/>
                    </a:lnBlToTr>
                    <a:solidFill>
                      <a:srgbClr val="03879C"/>
                    </a:solidFill>
                  </a:tcPr>
                </a:tc>
                <a:tc>
                  <a:txBody>
                    <a:bodyPr/>
                    <a:lstStyle/>
                    <a:p>
                      <a:endParaRPr lang="en-IN" sz="100"/>
                    </a:p>
                  </a:txBody>
                  <a:tcPr marT="14567" marB="14567">
                    <a:lnL w="12700" cmpd="sng">
                      <a:noFill/>
                    </a:lnL>
                    <a:lnR w="12700" cmpd="sng">
                      <a:noFill/>
                    </a:lnR>
                    <a:lnT w="12700" cmpd="sng">
                      <a:noFill/>
                    </a:lnT>
                    <a:lnB w="38100" cmpd="sng">
                      <a:noFill/>
                    </a:lnB>
                    <a:lnTlToBr w="12700" cmpd="sng">
                      <a:noFill/>
                      <a:prstDash val="solid"/>
                    </a:lnTlToBr>
                    <a:lnBlToTr w="12700" cmpd="sng">
                      <a:noFill/>
                      <a:prstDash val="solid"/>
                    </a:lnBlToTr>
                    <a:solidFill>
                      <a:srgbClr val="929DB3"/>
                    </a:solidFill>
                  </a:tcPr>
                </a:tc>
                <a:extLst>
                  <a:ext uri="{0D108BD9-81ED-4DB2-BD59-A6C34878D82A}">
                    <a16:rowId xmlns:a16="http://schemas.microsoft.com/office/drawing/2014/main" val="839580262"/>
                  </a:ext>
                </a:extLst>
              </a:tr>
            </a:tbl>
          </a:graphicData>
        </a:graphic>
      </p:graphicFrame>
      <p:cxnSp>
        <p:nvCxnSpPr>
          <p:cNvPr id="3" name="Straight Connector 2">
            <a:extLst>
              <a:ext uri="{FF2B5EF4-FFF2-40B4-BE49-F238E27FC236}">
                <a16:creationId xmlns:a16="http://schemas.microsoft.com/office/drawing/2014/main" id="{23973AF2-9C60-01C1-0B48-4BDBF579A771}"/>
              </a:ext>
            </a:extLst>
          </p:cNvPr>
          <p:cNvCxnSpPr/>
          <p:nvPr/>
        </p:nvCxnSpPr>
        <p:spPr>
          <a:xfrm>
            <a:off x="625303" y="882907"/>
            <a:ext cx="640080" cy="0"/>
          </a:xfrm>
          <a:prstGeom prst="line">
            <a:avLst/>
          </a:prstGeom>
          <a:ln w="28575">
            <a:solidFill>
              <a:srgbClr val="0574B0"/>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212323609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nodeType="with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500" fill="hold"/>
                                        <p:tgtEl>
                                          <p:spTgt spid="3"/>
                                        </p:tgtEl>
                                        <p:attrNameLst>
                                          <p:attrName>ppt_x</p:attrName>
                                        </p:attrNameLst>
                                      </p:cBhvr>
                                      <p:tavLst>
                                        <p:tav tm="0">
                                          <p:val>
                                            <p:strVal val="0-#ppt_w/2"/>
                                          </p:val>
                                        </p:tav>
                                        <p:tav tm="100000">
                                          <p:val>
                                            <p:strVal val="#ppt_x"/>
                                          </p:val>
                                        </p:tav>
                                      </p:tavLst>
                                    </p:anim>
                                    <p:anim calcmode="lin" valueType="num">
                                      <p:cBhvr additive="base">
                                        <p:cTn id="8" dur="500" fill="hold"/>
                                        <p:tgtEl>
                                          <p:spTgt spid="3"/>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2" name="Picture 2">
            <a:extLst>
              <a:ext uri="{FF2B5EF4-FFF2-40B4-BE49-F238E27FC236}">
                <a16:creationId xmlns:a16="http://schemas.microsoft.com/office/drawing/2014/main" id="{B935D0C7-0572-A8A3-B4F1-9A0D68CAA88B}"/>
              </a:ext>
            </a:extLst>
          </p:cNvPr>
          <p:cNvPicPr>
            <a:picLocks noChangeAspect="1" noChangeArrowheads="1"/>
          </p:cNvPicPr>
          <p:nvPr/>
        </p:nvPicPr>
        <p:blipFill rotWithShape="1">
          <a:blip r:embed="rId2" cstate="screen">
            <a:extLst>
              <a:ext uri="{28A0092B-C50C-407E-A947-70E740481C1C}">
                <a14:useLocalDpi xmlns:a14="http://schemas.microsoft.com/office/drawing/2010/main"/>
              </a:ext>
            </a:extLst>
          </a:blip>
          <a:srcRect t="-1435"/>
          <a:stretch/>
        </p:blipFill>
        <p:spPr bwMode="auto">
          <a:xfrm>
            <a:off x="0" y="0"/>
            <a:ext cx="12191998" cy="6857999"/>
          </a:xfrm>
          <a:prstGeom prst="rect">
            <a:avLst/>
          </a:prstGeom>
          <a:noFill/>
          <a:extLst>
            <a:ext uri="{909E8E84-426E-40DD-AFC4-6F175D3DCCD1}">
              <a14:hiddenFill xmlns:a14="http://schemas.microsoft.com/office/drawing/2010/main">
                <a:solidFill>
                  <a:srgbClr val="FFFFFF"/>
                </a:solidFill>
              </a14:hiddenFill>
            </a:ext>
          </a:extLst>
        </p:spPr>
      </p:pic>
      <p:sp>
        <p:nvSpPr>
          <p:cNvPr id="7" name="Rectangle 6">
            <a:extLst>
              <a:ext uri="{FF2B5EF4-FFF2-40B4-BE49-F238E27FC236}">
                <a16:creationId xmlns:a16="http://schemas.microsoft.com/office/drawing/2014/main" id="{C7424E43-F4DE-A0C1-40E7-92266CFD9109}"/>
              </a:ext>
            </a:extLst>
          </p:cNvPr>
          <p:cNvSpPr/>
          <p:nvPr/>
        </p:nvSpPr>
        <p:spPr>
          <a:xfrm>
            <a:off x="0" y="1170432"/>
            <a:ext cx="12191999" cy="5677177"/>
          </a:xfrm>
          <a:prstGeom prst="rect">
            <a:avLst/>
          </a:prstGeom>
          <a:solidFill>
            <a:srgbClr val="005A84">
              <a:alpha val="25098"/>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 name="Rectangle 1">
            <a:extLst>
              <a:ext uri="{FF2B5EF4-FFF2-40B4-BE49-F238E27FC236}">
                <a16:creationId xmlns:a16="http://schemas.microsoft.com/office/drawing/2014/main" id="{08294867-9790-246F-D49D-4CEE3A477EBA}"/>
              </a:ext>
            </a:extLst>
          </p:cNvPr>
          <p:cNvSpPr/>
          <p:nvPr/>
        </p:nvSpPr>
        <p:spPr>
          <a:xfrm>
            <a:off x="0" y="0"/>
            <a:ext cx="12192000" cy="1170432"/>
          </a:xfrm>
          <a:prstGeom prst="rect">
            <a:avLst/>
          </a:prstGeom>
          <a:solidFill>
            <a:srgbClr val="09142E"/>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6" name="TextBox 5">
            <a:extLst>
              <a:ext uri="{FF2B5EF4-FFF2-40B4-BE49-F238E27FC236}">
                <a16:creationId xmlns:a16="http://schemas.microsoft.com/office/drawing/2014/main" id="{58F68434-DAE1-3493-65C1-D999B4FEF476}"/>
              </a:ext>
            </a:extLst>
          </p:cNvPr>
          <p:cNvSpPr txBox="1"/>
          <p:nvPr/>
        </p:nvSpPr>
        <p:spPr>
          <a:xfrm>
            <a:off x="411943" y="435215"/>
            <a:ext cx="6094476" cy="646331"/>
          </a:xfrm>
          <a:prstGeom prst="rect">
            <a:avLst/>
          </a:prstGeom>
          <a:noFill/>
        </p:spPr>
        <p:txBody>
          <a:bodyPr wrap="square">
            <a:spAutoFit/>
          </a:bodyPr>
          <a:lstStyle/>
          <a:p>
            <a:pPr>
              <a:spcBef>
                <a:spcPct val="0"/>
              </a:spcBef>
              <a:spcAft>
                <a:spcPts val="1800"/>
              </a:spcAft>
            </a:pPr>
            <a:r>
              <a:rPr lang="en-IN" sz="3600">
                <a:solidFill>
                  <a:schemeClr val="bg1"/>
                </a:solidFill>
                <a:ea typeface="+mj-ea"/>
                <a:cs typeface="+mj-cs"/>
              </a:rPr>
              <a:t>GAMIFICATION</a:t>
            </a:r>
          </a:p>
        </p:txBody>
      </p:sp>
      <p:pic>
        <p:nvPicPr>
          <p:cNvPr id="3" name="Graphic 2">
            <a:extLst>
              <a:ext uri="{FF2B5EF4-FFF2-40B4-BE49-F238E27FC236}">
                <a16:creationId xmlns:a16="http://schemas.microsoft.com/office/drawing/2014/main" id="{C9C6CE40-F1AC-7C72-B490-1A9ECB45E598}"/>
              </a:ext>
            </a:extLst>
          </p:cNvPr>
          <p:cNvPicPr>
            <a:picLocks noChangeAspect="1"/>
          </p:cNvPicPr>
          <p:nvPr/>
        </p:nvPicPr>
        <p:blipFill>
          <a:blip r:embed="rId3">
            <a:extLst>
              <a:ext uri="{96DAC541-7B7A-43D3-8B79-37D633B846F1}">
                <asvg:svgBlip xmlns:asvg="http://schemas.microsoft.com/office/drawing/2016/SVG/main" r:embed="rId4"/>
              </a:ext>
            </a:extLst>
          </a:blip>
          <a:stretch>
            <a:fillRect/>
          </a:stretch>
        </p:blipFill>
        <p:spPr>
          <a:xfrm>
            <a:off x="10845602" y="294821"/>
            <a:ext cx="1070016" cy="199686"/>
          </a:xfrm>
          <a:prstGeom prst="rect">
            <a:avLst/>
          </a:prstGeom>
        </p:spPr>
      </p:pic>
    </p:spTree>
    <p:extLst>
      <p:ext uri="{BB962C8B-B14F-4D97-AF65-F5344CB8AC3E}">
        <p14:creationId xmlns:p14="http://schemas.microsoft.com/office/powerpoint/2010/main" val="1298534547"/>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16809295-A48D-C61F-0B43-2EF5C1AD7F7D}"/>
              </a:ext>
            </a:extLst>
          </p:cNvPr>
          <p:cNvSpPr/>
          <p:nvPr/>
        </p:nvSpPr>
        <p:spPr>
          <a:xfrm>
            <a:off x="6790310" y="1"/>
            <a:ext cx="5414389" cy="6857999"/>
          </a:xfrm>
          <a:prstGeom prst="rect">
            <a:avLst/>
          </a:prstGeom>
          <a:solidFill>
            <a:srgbClr val="0085BE"/>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pic>
        <p:nvPicPr>
          <p:cNvPr id="6" name="Picture 5" descr="A black background with white lines&#10;&#10;Description automatically generated">
            <a:extLst>
              <a:ext uri="{FF2B5EF4-FFF2-40B4-BE49-F238E27FC236}">
                <a16:creationId xmlns:a16="http://schemas.microsoft.com/office/drawing/2014/main" id="{7E0921EA-267D-3C80-34BB-49997595B2A6}"/>
              </a:ext>
            </a:extLst>
          </p:cNvPr>
          <p:cNvPicPr>
            <a:picLocks noChangeAspect="1"/>
          </p:cNvPicPr>
          <p:nvPr/>
        </p:nvPicPr>
        <p:blipFill>
          <a:blip r:embed="rId2">
            <a:extLst>
              <a:ext uri="{28A0092B-C50C-407E-A947-70E740481C1C}">
                <a14:useLocalDpi xmlns:a14="http://schemas.microsoft.com/office/drawing/2010/main"/>
              </a:ext>
            </a:extLst>
          </a:blip>
          <a:stretch>
            <a:fillRect/>
          </a:stretch>
        </p:blipFill>
        <p:spPr>
          <a:xfrm>
            <a:off x="6790571" y="0"/>
            <a:ext cx="5401429" cy="6811326"/>
          </a:xfrm>
          <a:prstGeom prst="rect">
            <a:avLst/>
          </a:prstGeom>
        </p:spPr>
      </p:pic>
      <p:pic>
        <p:nvPicPr>
          <p:cNvPr id="5" name="Picture 4">
            <a:extLst>
              <a:ext uri="{FF2B5EF4-FFF2-40B4-BE49-F238E27FC236}">
                <a16:creationId xmlns:a16="http://schemas.microsoft.com/office/drawing/2014/main" id="{F135B1BF-128B-C700-FF46-F2355F43D477}"/>
              </a:ext>
            </a:extLst>
          </p:cNvPr>
          <p:cNvPicPr>
            <a:picLocks noChangeAspect="1"/>
          </p:cNvPicPr>
          <p:nvPr/>
        </p:nvPicPr>
        <p:blipFill>
          <a:blip r:embed="rId3" cstate="screen">
            <a:extLst>
              <a:ext uri="{28A0092B-C50C-407E-A947-70E740481C1C}">
                <a14:useLocalDpi xmlns:a14="http://schemas.microsoft.com/office/drawing/2010/main"/>
              </a:ext>
            </a:extLst>
          </a:blip>
          <a:stretch>
            <a:fillRect/>
          </a:stretch>
        </p:blipFill>
        <p:spPr>
          <a:xfrm>
            <a:off x="6985918" y="2080987"/>
            <a:ext cx="4974167" cy="3396081"/>
          </a:xfrm>
          <a:prstGeom prst="rect">
            <a:avLst/>
          </a:prstGeom>
        </p:spPr>
      </p:pic>
      <p:sp>
        <p:nvSpPr>
          <p:cNvPr id="2" name="Title 1">
            <a:extLst>
              <a:ext uri="{FF2B5EF4-FFF2-40B4-BE49-F238E27FC236}">
                <a16:creationId xmlns:a16="http://schemas.microsoft.com/office/drawing/2014/main" id="{6D8F5EAC-A65E-6374-E274-1CA094A8E2D1}"/>
              </a:ext>
            </a:extLst>
          </p:cNvPr>
          <p:cNvSpPr>
            <a:spLocks noGrp="1"/>
          </p:cNvSpPr>
          <p:nvPr>
            <p:ph type="title"/>
          </p:nvPr>
        </p:nvSpPr>
        <p:spPr/>
        <p:txBody>
          <a:bodyPr/>
          <a:lstStyle/>
          <a:p>
            <a:r>
              <a:rPr lang="en-US"/>
              <a:t>GAMIFICATION: UNDERLYING PHILOSOPHY</a:t>
            </a:r>
            <a:endParaRPr lang="en-IN"/>
          </a:p>
        </p:txBody>
      </p:sp>
      <p:sp>
        <p:nvSpPr>
          <p:cNvPr id="3" name="Content Placeholder 2">
            <a:extLst>
              <a:ext uri="{FF2B5EF4-FFF2-40B4-BE49-F238E27FC236}">
                <a16:creationId xmlns:a16="http://schemas.microsoft.com/office/drawing/2014/main" id="{DF7D1BCE-0A66-7EDD-8516-2AE3C25E38F1}"/>
              </a:ext>
            </a:extLst>
          </p:cNvPr>
          <p:cNvSpPr>
            <a:spLocks noGrp="1"/>
          </p:cNvSpPr>
          <p:nvPr>
            <p:ph idx="1"/>
          </p:nvPr>
        </p:nvSpPr>
        <p:spPr>
          <a:xfrm>
            <a:off x="533400" y="1097938"/>
            <a:ext cx="5924549" cy="848409"/>
          </a:xfrm>
        </p:spPr>
        <p:txBody>
          <a:bodyPr>
            <a:normAutofit/>
          </a:bodyPr>
          <a:lstStyle/>
          <a:p>
            <a:pPr marL="0" indent="0">
              <a:lnSpc>
                <a:spcPct val="100000"/>
              </a:lnSpc>
              <a:buNone/>
            </a:pPr>
            <a:r>
              <a:rPr lang="en-US" sz="1800" i="1">
                <a:solidFill>
                  <a:srgbClr val="00799E"/>
                </a:solidFill>
                <a:effectLst/>
                <a:latin typeface="Georgia" panose="02040502050405020303" pitchFamily="18" charset="0"/>
                <a:ea typeface="Calibri" panose="020F0502020204030204" pitchFamily="34" charset="0"/>
                <a:cs typeface="Times New Roman" panose="02020603050405020304" pitchFamily="18" charset="0"/>
              </a:rPr>
              <a:t>Tell me and I’ll forget; show me and I may remember; engage me and I’ll understand. </a:t>
            </a:r>
            <a:r>
              <a:rPr lang="en-US" sz="1200" i="1">
                <a:solidFill>
                  <a:srgbClr val="00799E"/>
                </a:solidFill>
                <a:effectLst/>
                <a:latin typeface="Georgia" panose="02040502050405020303" pitchFamily="18" charset="0"/>
                <a:ea typeface="Calibri" panose="020F0502020204030204" pitchFamily="34" charset="0"/>
                <a:cs typeface="Times New Roman" panose="02020603050405020304" pitchFamily="18" charset="0"/>
              </a:rPr>
              <a:t>(Chinese proverb)</a:t>
            </a:r>
            <a:endParaRPr lang="en-US" sz="1100">
              <a:solidFill>
                <a:srgbClr val="00799E"/>
              </a:solidFill>
              <a:effectLst/>
              <a:latin typeface="Calibri" panose="020F0502020204030204" pitchFamily="34" charset="0"/>
              <a:ea typeface="Calibri" panose="020F0502020204030204" pitchFamily="34" charset="0"/>
              <a:cs typeface="Times New Roman" panose="02020603050405020304" pitchFamily="18" charset="0"/>
            </a:endParaRPr>
          </a:p>
          <a:p>
            <a:pPr marL="0" indent="0">
              <a:lnSpc>
                <a:spcPct val="100000"/>
              </a:lnSpc>
              <a:buNone/>
            </a:pPr>
            <a:endParaRPr lang="en-IN" sz="1800"/>
          </a:p>
        </p:txBody>
      </p:sp>
      <p:sp>
        <p:nvSpPr>
          <p:cNvPr id="7" name="TextBox 6">
            <a:extLst>
              <a:ext uri="{FF2B5EF4-FFF2-40B4-BE49-F238E27FC236}">
                <a16:creationId xmlns:a16="http://schemas.microsoft.com/office/drawing/2014/main" id="{C28154F5-3904-E61A-DEA5-3D6F52C63BAA}"/>
              </a:ext>
            </a:extLst>
          </p:cNvPr>
          <p:cNvSpPr txBox="1"/>
          <p:nvPr/>
        </p:nvSpPr>
        <p:spPr>
          <a:xfrm>
            <a:off x="533401" y="1946347"/>
            <a:ext cx="5924548" cy="4601260"/>
          </a:xfrm>
          <a:prstGeom prst="rect">
            <a:avLst/>
          </a:prstGeom>
          <a:noFill/>
        </p:spPr>
        <p:txBody>
          <a:bodyPr wrap="square">
            <a:spAutoFit/>
          </a:bodyPr>
          <a:lstStyle/>
          <a:p>
            <a:pPr marL="0" marR="0" lvl="1">
              <a:spcAft>
                <a:spcPts val="600"/>
              </a:spcAft>
            </a:pPr>
            <a:r>
              <a:rPr lang="en-IN" sz="1400">
                <a:solidFill>
                  <a:srgbClr val="404040"/>
                </a:solidFill>
                <a:latin typeface="+mj-lt"/>
                <a:ea typeface="Roboto" panose="02000000000000000000" pitchFamily="2" charset="0"/>
              </a:rPr>
              <a:t>Engage the learner in “play” mode vs. the default “work” mode. </a:t>
            </a:r>
          </a:p>
          <a:p>
            <a:pPr marL="0" marR="0" lvl="2">
              <a:spcAft>
                <a:spcPts val="600"/>
              </a:spcAft>
              <a:buClr>
                <a:srgbClr val="00799E"/>
              </a:buClr>
            </a:pPr>
            <a:r>
              <a:rPr lang="en-US" sz="1400" b="1">
                <a:solidFill>
                  <a:srgbClr val="00799E"/>
                </a:solidFill>
                <a:latin typeface="+mj-lt"/>
                <a:ea typeface="Roboto" pitchFamily="2" charset="0"/>
                <a:cs typeface="+mj-cs"/>
              </a:rPr>
              <a:t>Learning interventions that use game-mechanics</a:t>
            </a:r>
          </a:p>
          <a:p>
            <a:pPr marL="177800" lvl="2" indent="-177800">
              <a:buClr>
                <a:srgbClr val="00799E"/>
              </a:buClr>
              <a:buFont typeface="Arial" panose="020B0604020202020204" pitchFamily="34" charset="0"/>
              <a:buChar char="•"/>
            </a:pPr>
            <a:r>
              <a:rPr lang="en-US" sz="1400">
                <a:solidFill>
                  <a:srgbClr val="404040"/>
                </a:solidFill>
                <a:latin typeface="+mj-lt"/>
                <a:ea typeface="Roboto" pitchFamily="2" charset="0"/>
              </a:rPr>
              <a:t>Time-bound activities</a:t>
            </a:r>
          </a:p>
          <a:p>
            <a:pPr marL="177800" lvl="2" indent="-177800">
              <a:buClr>
                <a:srgbClr val="00799E"/>
              </a:buClr>
              <a:buFont typeface="Arial" panose="020B0604020202020204" pitchFamily="34" charset="0"/>
              <a:buChar char="•"/>
            </a:pPr>
            <a:r>
              <a:rPr lang="en-US" sz="1400">
                <a:solidFill>
                  <a:srgbClr val="404040"/>
                </a:solidFill>
                <a:latin typeface="+mj-lt"/>
                <a:ea typeface="Roboto" pitchFamily="2" charset="0"/>
              </a:rPr>
              <a:t>Scoring</a:t>
            </a:r>
          </a:p>
          <a:p>
            <a:pPr marL="177800" lvl="2" indent="-177800">
              <a:buClr>
                <a:srgbClr val="00799E"/>
              </a:buClr>
              <a:buFont typeface="Arial" panose="020B0604020202020204" pitchFamily="34" charset="0"/>
              <a:buChar char="•"/>
            </a:pPr>
            <a:r>
              <a:rPr lang="en-US" sz="1400">
                <a:solidFill>
                  <a:srgbClr val="404040"/>
                </a:solidFill>
                <a:latin typeface="+mj-lt"/>
                <a:ea typeface="Roboto" pitchFamily="2" charset="0"/>
              </a:rPr>
              <a:t>Levels of difficulty</a:t>
            </a:r>
          </a:p>
          <a:p>
            <a:pPr marL="177800" lvl="2" indent="-177800">
              <a:buClr>
                <a:srgbClr val="00799E"/>
              </a:buClr>
              <a:buFont typeface="Arial" panose="020B0604020202020204" pitchFamily="34" charset="0"/>
              <a:buChar char="•"/>
            </a:pPr>
            <a:r>
              <a:rPr lang="en-US" sz="1400">
                <a:solidFill>
                  <a:srgbClr val="404040"/>
                </a:solidFill>
                <a:latin typeface="+mj-lt"/>
                <a:ea typeface="Roboto" pitchFamily="2" charset="0"/>
              </a:rPr>
              <a:t>Awards</a:t>
            </a:r>
          </a:p>
          <a:p>
            <a:pPr marL="177800" lvl="2" indent="-177800">
              <a:buClr>
                <a:srgbClr val="00799E"/>
              </a:buClr>
              <a:buFont typeface="Arial" panose="020B0604020202020204" pitchFamily="34" charset="0"/>
              <a:buChar char="•"/>
            </a:pPr>
            <a:r>
              <a:rPr lang="en-US" sz="1400">
                <a:solidFill>
                  <a:srgbClr val="404040"/>
                </a:solidFill>
                <a:latin typeface="+mj-lt"/>
                <a:ea typeface="Roboto" pitchFamily="2" charset="0"/>
              </a:rPr>
              <a:t>Competition to engage and teach</a:t>
            </a:r>
            <a:endParaRPr lang="en-US" sz="1400">
              <a:solidFill>
                <a:srgbClr val="404040"/>
              </a:solidFill>
              <a:effectLst/>
              <a:latin typeface="+mj-lt"/>
              <a:ea typeface="Roboto" pitchFamily="2" charset="0"/>
              <a:cs typeface="Times New Roman" panose="02020603050405020304" pitchFamily="18" charset="0"/>
            </a:endParaRPr>
          </a:p>
          <a:p>
            <a:pPr marL="0" lvl="2" indent="0">
              <a:spcBef>
                <a:spcPts val="600"/>
              </a:spcBef>
              <a:spcAft>
                <a:spcPts val="600"/>
              </a:spcAft>
              <a:buClr>
                <a:srgbClr val="00799E"/>
              </a:buClr>
              <a:buNone/>
            </a:pPr>
            <a:r>
              <a:rPr lang="en-US" sz="1400" b="1">
                <a:solidFill>
                  <a:srgbClr val="00799E"/>
                </a:solidFill>
                <a:latin typeface="+mj-lt"/>
                <a:ea typeface="Roboto" pitchFamily="2" charset="0"/>
                <a:cs typeface="+mj-cs"/>
              </a:rPr>
              <a:t>Design for outcomes, not engagement</a:t>
            </a:r>
          </a:p>
          <a:p>
            <a:pPr marL="177800" lvl="2" indent="-177800">
              <a:spcAft>
                <a:spcPts val="600"/>
              </a:spcAft>
              <a:buClr>
                <a:srgbClr val="00799E"/>
              </a:buClr>
              <a:buFont typeface="Arial" panose="020B0604020202020204" pitchFamily="34" charset="0"/>
              <a:buChar char="•"/>
            </a:pPr>
            <a:r>
              <a:rPr lang="en-US" sz="1400">
                <a:solidFill>
                  <a:srgbClr val="404040"/>
                </a:solidFill>
                <a:latin typeface="+mj-lt"/>
                <a:ea typeface="Roboto" pitchFamily="2" charset="0"/>
              </a:rPr>
              <a:t>Skills need to be transferrable from the gamified experience to the actual job environment</a:t>
            </a:r>
          </a:p>
          <a:p>
            <a:pPr marL="177800" lvl="2" indent="0">
              <a:spcAft>
                <a:spcPts val="600"/>
              </a:spcAft>
              <a:buFont typeface="Arial" panose="020B0604020202020204" pitchFamily="34" charset="0"/>
              <a:buNone/>
            </a:pPr>
            <a:r>
              <a:rPr lang="en-US" sz="1200">
                <a:solidFill>
                  <a:srgbClr val="404040"/>
                </a:solidFill>
                <a:latin typeface="+mj-lt"/>
                <a:ea typeface="Roboto" pitchFamily="2" charset="0"/>
              </a:rPr>
              <a:t>e.g., If you are designing a gamified learning experience for surgeons, you primarily want better surgery outcomes, not leaderboard-driven competition/engagement.</a:t>
            </a:r>
          </a:p>
          <a:p>
            <a:pPr marL="177800" lvl="2" indent="-177800">
              <a:spcAft>
                <a:spcPts val="600"/>
              </a:spcAft>
              <a:buClr>
                <a:srgbClr val="00799E"/>
              </a:buClr>
              <a:buFont typeface="Arial" panose="020B0604020202020204" pitchFamily="34" charset="0"/>
              <a:buChar char="•"/>
            </a:pPr>
            <a:r>
              <a:rPr lang="en-US" sz="1400">
                <a:solidFill>
                  <a:srgbClr val="404040"/>
                </a:solidFill>
                <a:latin typeface="+mj-lt"/>
                <a:ea typeface="Roboto" pitchFamily="2" charset="0"/>
              </a:rPr>
              <a:t>Engagement should be a design consideration, not an objective in and of itself.</a:t>
            </a:r>
          </a:p>
          <a:p>
            <a:pPr marL="0" lvl="2" indent="0">
              <a:spcAft>
                <a:spcPts val="600"/>
              </a:spcAft>
              <a:buClr>
                <a:srgbClr val="00799E"/>
              </a:buClr>
              <a:buFont typeface="Arial" panose="020B0604020202020204" pitchFamily="34" charset="0"/>
              <a:buNone/>
            </a:pPr>
            <a:r>
              <a:rPr lang="en-US" sz="1400" b="1">
                <a:solidFill>
                  <a:srgbClr val="00799E"/>
                </a:solidFill>
                <a:latin typeface="+mj-lt"/>
                <a:ea typeface="Roboto" pitchFamily="2" charset="0"/>
                <a:cs typeface="+mj-cs"/>
              </a:rPr>
              <a:t>Keep gameplay simple</a:t>
            </a:r>
          </a:p>
          <a:p>
            <a:pPr marL="177800" lvl="2" indent="-177800">
              <a:spcAft>
                <a:spcPts val="600"/>
              </a:spcAft>
              <a:buClr>
                <a:srgbClr val="00799E"/>
              </a:buClr>
              <a:buFont typeface="Arial" panose="020B0604020202020204" pitchFamily="34" charset="0"/>
              <a:buChar char="•"/>
            </a:pPr>
            <a:r>
              <a:rPr lang="en-US" sz="1400">
                <a:solidFill>
                  <a:srgbClr val="404040"/>
                </a:solidFill>
                <a:latin typeface="+mj-lt"/>
                <a:ea typeface="Roboto" pitchFamily="2" charset="0"/>
              </a:rPr>
              <a:t>The gameplay, challenge, or mission should be difficult, not complicated.</a:t>
            </a:r>
          </a:p>
          <a:p>
            <a:pPr marL="177800" lvl="2" indent="-177800">
              <a:spcAft>
                <a:spcPts val="600"/>
              </a:spcAft>
              <a:buClr>
                <a:srgbClr val="00799E"/>
              </a:buClr>
              <a:buFont typeface="Arial" panose="020B0604020202020204" pitchFamily="34" charset="0"/>
              <a:buChar char="•"/>
            </a:pPr>
            <a:r>
              <a:rPr lang="en-US" sz="1400">
                <a:solidFill>
                  <a:srgbClr val="404040"/>
                </a:solidFill>
                <a:latin typeface="+mj-lt"/>
                <a:ea typeface="Roboto" pitchFamily="2" charset="0"/>
              </a:rPr>
              <a:t>Don’t start with the aim of developing an overly  layered or complex game; aim to make the content engaging and let the chips fall where they may.</a:t>
            </a:r>
          </a:p>
        </p:txBody>
      </p:sp>
      <p:sp>
        <p:nvSpPr>
          <p:cNvPr id="9" name="Slide Number Placeholder 5">
            <a:extLst>
              <a:ext uri="{FF2B5EF4-FFF2-40B4-BE49-F238E27FC236}">
                <a16:creationId xmlns:a16="http://schemas.microsoft.com/office/drawing/2014/main" id="{931D61E7-5E9C-1247-E5E6-3ADE4B877081}"/>
              </a:ext>
            </a:extLst>
          </p:cNvPr>
          <p:cNvSpPr txBox="1">
            <a:spLocks/>
          </p:cNvSpPr>
          <p:nvPr/>
        </p:nvSpPr>
        <p:spPr>
          <a:xfrm>
            <a:off x="9349506" y="6439476"/>
            <a:ext cx="2743200" cy="365125"/>
          </a:xfrm>
          <a:prstGeom prst="rect">
            <a:avLst/>
          </a:prstGeom>
        </p:spPr>
        <p:txBody>
          <a:bodyPr vert="horz" lIns="91440" tIns="45720" rIns="91440" bIns="45720" rtlCol="0" anchor="ctr"/>
          <a:lstStyle>
            <a:defPPr>
              <a:defRPr lang="en-US"/>
            </a:defPPr>
            <a:lvl1pPr marL="0" algn="r" defTabSz="914400" rtl="0" eaLnBrk="1" latinLnBrk="0" hangingPunct="1">
              <a:defRPr sz="1200" kern="1200">
                <a:solidFill>
                  <a:schemeClr val="tx1">
                    <a:tint val="75000"/>
                  </a:schemeClr>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77068464-4C8E-431E-87E4-567733A7CD2F}" type="slidenum">
              <a:rPr lang="en-IN" sz="1000" smtClean="0">
                <a:solidFill>
                  <a:schemeClr val="bg1"/>
                </a:solidFill>
              </a:rPr>
              <a:pPr/>
              <a:t>9</a:t>
            </a:fld>
            <a:endParaRPr lang="en-IN" sz="1000">
              <a:solidFill>
                <a:schemeClr val="bg1"/>
              </a:solidFill>
            </a:endParaRPr>
          </a:p>
        </p:txBody>
      </p:sp>
      <p:pic>
        <p:nvPicPr>
          <p:cNvPr id="10" name="Graphic 9">
            <a:extLst>
              <a:ext uri="{FF2B5EF4-FFF2-40B4-BE49-F238E27FC236}">
                <a16:creationId xmlns:a16="http://schemas.microsoft.com/office/drawing/2014/main" id="{80254CBD-3C91-CC55-A657-BF8D8E6C22BC}"/>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10845602" y="294821"/>
            <a:ext cx="1070016" cy="199686"/>
          </a:xfrm>
          <a:prstGeom prst="rect">
            <a:avLst/>
          </a:prstGeom>
        </p:spPr>
      </p:pic>
    </p:spTree>
    <p:extLst>
      <p:ext uri="{BB962C8B-B14F-4D97-AF65-F5344CB8AC3E}">
        <p14:creationId xmlns:p14="http://schemas.microsoft.com/office/powerpoint/2010/main" val="85410701"/>
      </p:ext>
    </p:extLst>
  </p:cSld>
  <p:clrMapOvr>
    <a:masterClrMapping/>
  </p:clrMapOvr>
</p:sld>
</file>

<file path=ppt/tags/tag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heme/theme1.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customXml/_rels/item1.xml.rels><?xml version="1.0" encoding="UTF-8" standalone="yes"?>
<Relationships xmlns="http://schemas.openxmlformats.org/package/2006/relationships"><Relationship Id="rId1" Type="http://schemas.openxmlformats.org/officeDocument/2006/relationships/customXmlProps" Target="itemProps1.xml"/></Relationships>
</file>

<file path=customXml/_rels/item2.xml.rels><?xml version="1.0" encoding="UTF-8" standalone="yes"?>
<Relationships xmlns="http://schemas.openxmlformats.org/package/2006/relationships"><Relationship Id="rId1" Type="http://schemas.openxmlformats.org/officeDocument/2006/relationships/customXmlProps" Target="itemProps2.xml"/></Relationships>
</file>

<file path=customXml/_rels/item3.xml.rels><?xml version="1.0" encoding="UTF-8" standalone="yes"?>
<Relationships xmlns="http://schemas.openxmlformats.org/package/2006/relationships"><Relationship Id="rId1" Type="http://schemas.openxmlformats.org/officeDocument/2006/relationships/customXmlProps" Target="itemProps3.xml"/></Relationships>
</file>

<file path=customXml/item1.xml><?xml version="1.0" encoding="utf-8"?>
<ct:contentTypeSchema xmlns:ct="http://schemas.microsoft.com/office/2006/metadata/contentType" xmlns:ma="http://schemas.microsoft.com/office/2006/metadata/properties/metaAttributes" ct:_="" ma:_="" ma:contentTypeName="Document" ma:contentTypeID="0x0101003884C429A132B44D9D8AD556FF9FC802" ma:contentTypeVersion="14" ma:contentTypeDescription="Create a new document." ma:contentTypeScope="" ma:versionID="22547981154a3c88f0d313d701cafe5d">
  <xsd:schema xmlns:xsd="http://www.w3.org/2001/XMLSchema" xmlns:xs="http://www.w3.org/2001/XMLSchema" xmlns:p="http://schemas.microsoft.com/office/2006/metadata/properties" xmlns:ns2="0e238941-eb4a-45dc-9f85-cdf2c0c153ce" xmlns:ns3="c5f3ef01-3a0e-4907-aad6-57c3e3b2a9db" targetNamespace="http://schemas.microsoft.com/office/2006/metadata/properties" ma:root="true" ma:fieldsID="ecc3e42528c6caa2d26070641e06a3e2" ns2:_="" ns3:_="">
    <xsd:import namespace="0e238941-eb4a-45dc-9f85-cdf2c0c153ce"/>
    <xsd:import namespace="c5f3ef01-3a0e-4907-aad6-57c3e3b2a9db"/>
    <xsd:element name="properties">
      <xsd:complexType>
        <xsd:sequence>
          <xsd:element name="documentManagement">
            <xsd:complexType>
              <xsd:all>
                <xsd:element ref="ns2:MediaServiceMetadata" minOccurs="0"/>
                <xsd:element ref="ns2:MediaServiceFastMetadata" minOccurs="0"/>
                <xsd:element ref="ns2:MediaServiceObjectDetectorVersions" minOccurs="0"/>
                <xsd:element ref="ns3:SharedWithUsers" minOccurs="0"/>
                <xsd:element ref="ns3:SharedWithDetails" minOccurs="0"/>
                <xsd:element ref="ns2:MediaServiceSearchProperties" minOccurs="0"/>
                <xsd:element ref="ns2:MediaServiceGenerationTime" minOccurs="0"/>
                <xsd:element ref="ns2:MediaServiceEventHashCode" minOccurs="0"/>
                <xsd:element ref="ns2:MediaLengthInSeconds" minOccurs="0"/>
                <xsd:element ref="ns2:lcf76f155ced4ddcb4097134ff3c332f" minOccurs="0"/>
                <xsd:element ref="ns3:TaxCatchAll" minOccurs="0"/>
                <xsd:element ref="ns2:MediaServiceOCR" minOccurs="0"/>
                <xsd:element ref="ns2:MediaServiceDateTaken" minOccurs="0"/>
              </xsd:all>
            </xsd:complexType>
          </xsd:element>
        </xsd:sequence>
      </xsd:complexType>
    </xsd:element>
  </xsd:schema>
  <xsd:schema xmlns:xsd="http://www.w3.org/2001/XMLSchema" xmlns:xs="http://www.w3.org/2001/XMLSchema" xmlns:dms="http://schemas.microsoft.com/office/2006/documentManagement/types" xmlns:pc="http://schemas.microsoft.com/office/infopath/2007/PartnerControls" targetNamespace="0e238941-eb4a-45dc-9f85-cdf2c0c153ce" elementFormDefault="qualified">
    <xsd:import namespace="http://schemas.microsoft.com/office/2006/documentManagement/types"/>
    <xsd:import namespace="http://schemas.microsoft.com/office/infopath/2007/PartnerControls"/>
    <xsd:element name="MediaServiceMetadata" ma:index="8" nillable="true" ma:displayName="MediaServiceMetadata" ma:hidden="true" ma:internalName="MediaServiceMetadata" ma:readOnly="true">
      <xsd:simpleType>
        <xsd:restriction base="dms:Note"/>
      </xsd:simpleType>
    </xsd:element>
    <xsd:element name="MediaServiceFastMetadata" ma:index="9" nillable="true" ma:displayName="MediaServiceFastMetadata" ma:hidden="true" ma:internalName="MediaServiceFastMetadata" ma:readOnly="true">
      <xsd:simpleType>
        <xsd:restriction base="dms:Note"/>
      </xsd:simpleType>
    </xsd:element>
    <xsd:element name="MediaServiceObjectDetectorVersions" ma:index="10" nillable="true" ma:displayName="MediaServiceObjectDetectorVersions" ma:hidden="true" ma:indexed="true" ma:internalName="MediaServiceObjectDetectorVersions" ma:readOnly="true">
      <xsd:simpleType>
        <xsd:restriction base="dms:Text"/>
      </xsd:simpleType>
    </xsd:element>
    <xsd:element name="MediaServiceSearchProperties" ma:index="13" nillable="true" ma:displayName="MediaServiceSearchProperties" ma:hidden="true" ma:internalName="MediaServiceSearchProperties" ma:readOnly="true">
      <xsd:simpleType>
        <xsd:restriction base="dms:Note"/>
      </xsd:simpleType>
    </xsd:element>
    <xsd:element name="MediaServiceGenerationTime" ma:index="14" nillable="true" ma:displayName="MediaServiceGenerationTime" ma:hidden="true" ma:internalName="MediaServiceGenerationTime" ma:readOnly="true">
      <xsd:simpleType>
        <xsd:restriction base="dms:Text"/>
      </xsd:simpleType>
    </xsd:element>
    <xsd:element name="MediaServiceEventHashCode" ma:index="15" nillable="true" ma:displayName="MediaServiceEventHashCode" ma:hidden="true" ma:internalName="MediaServiceEventHashCode" ma:readOnly="true">
      <xsd:simpleType>
        <xsd:restriction base="dms:Text"/>
      </xsd:simpleType>
    </xsd:element>
    <xsd:element name="MediaLengthInSeconds" ma:index="16" nillable="true" ma:displayName="MediaLengthInSeconds" ma:hidden="true" ma:internalName="MediaLengthInSeconds" ma:readOnly="true">
      <xsd:simpleType>
        <xsd:restriction base="dms:Unknown"/>
      </xsd:simpleType>
    </xsd:element>
    <xsd:element name="lcf76f155ced4ddcb4097134ff3c332f" ma:index="18" nillable="true" ma:taxonomy="true" ma:internalName="lcf76f155ced4ddcb4097134ff3c332f" ma:taxonomyFieldName="MediaServiceImageTags" ma:displayName="Image Tags" ma:readOnly="false" ma:fieldId="{5cf76f15-5ced-4ddc-b409-7134ff3c332f}" ma:taxonomyMulti="true" ma:sspId="6e508109-aa5f-4dde-b33c-a86d8a575ba0" ma:termSetId="09814cd3-568e-fe90-9814-8d621ff8fb84" ma:anchorId="fba54fb3-c3e1-fe81-a776-ca4b69148c4d" ma:open="true" ma:isKeyword="false">
      <xsd:complexType>
        <xsd:sequence>
          <xsd:element ref="pc:Terms" minOccurs="0" maxOccurs="1"/>
        </xsd:sequence>
      </xsd:complexType>
    </xsd:element>
    <xsd:element name="MediaServiceOCR" ma:index="20" nillable="true" ma:displayName="Extracted Text" ma:internalName="MediaServiceOCR" ma:readOnly="true">
      <xsd:simpleType>
        <xsd:restriction base="dms:Note">
          <xsd:maxLength value="255"/>
        </xsd:restriction>
      </xsd:simpleType>
    </xsd:element>
    <xsd:element name="MediaServiceDateTaken" ma:index="21" nillable="true" ma:displayName="MediaServiceDateTaken" ma:hidden="true" ma:indexed="true" ma:internalName="MediaServiceDateTaken" ma:readOnly="true">
      <xsd:simpleType>
        <xsd:restriction base="dms:Text"/>
      </xsd:simpleType>
    </xsd:element>
  </xsd:schema>
  <xsd:schema xmlns:xsd="http://www.w3.org/2001/XMLSchema" xmlns:xs="http://www.w3.org/2001/XMLSchema" xmlns:dms="http://schemas.microsoft.com/office/2006/documentManagement/types" xmlns:pc="http://schemas.microsoft.com/office/infopath/2007/PartnerControls" targetNamespace="c5f3ef01-3a0e-4907-aad6-57c3e3b2a9db" elementFormDefault="qualified">
    <xsd:import namespace="http://schemas.microsoft.com/office/2006/documentManagement/types"/>
    <xsd:import namespace="http://schemas.microsoft.com/office/infopath/2007/PartnerControls"/>
    <xsd:element name="SharedWithUsers" ma:index="11" nillable="true" ma:displayName="Shared With" ma:internalName="SharedWithUsers" ma:readOnly="true">
      <xsd:complexType>
        <xsd:complexContent>
          <xsd:extension base="dms:UserMulti">
            <xsd:sequence>
              <xsd:element name="UserInfo" minOccurs="0" maxOccurs="unbounded">
                <xsd:complexType>
                  <xsd:sequence>
                    <xsd:element name="DisplayName" type="xsd:string" minOccurs="0"/>
                    <xsd:element name="AccountId" type="dms:UserId" minOccurs="0" nillable="true"/>
                    <xsd:element name="AccountType" type="xsd:string" minOccurs="0"/>
                  </xsd:sequence>
                </xsd:complexType>
              </xsd:element>
            </xsd:sequence>
          </xsd:extension>
        </xsd:complexContent>
      </xsd:complexType>
    </xsd:element>
    <xsd:element name="SharedWithDetails" ma:index="12" nillable="true" ma:displayName="Shared With Details" ma:internalName="SharedWithDetails" ma:readOnly="true">
      <xsd:simpleType>
        <xsd:restriction base="dms:Note">
          <xsd:maxLength value="255"/>
        </xsd:restriction>
      </xsd:simpleType>
    </xsd:element>
    <xsd:element name="TaxCatchAll" ma:index="19" nillable="true" ma:displayName="Taxonomy Catch All Column" ma:hidden="true" ma:list="{fcb7ff2b-07c0-43d3-9015-6ce26f911c0b}" ma:internalName="TaxCatchAll" ma:showField="CatchAllData" ma:web="c5f3ef01-3a0e-4907-aad6-57c3e3b2a9db">
      <xsd:complexType>
        <xsd:complexContent>
          <xsd:extension base="dms:MultiChoiceLookup">
            <xsd:sequence>
              <xsd:element name="Value" type="dms:Lookup" maxOccurs="unbounded" minOccurs="0" nillable="true"/>
            </xsd:sequence>
          </xsd:extension>
        </xsd:complexContent>
      </xsd:complexType>
    </xsd:element>
  </xsd:schema>
  <xsd:schema xmlns="http://schemas.openxmlformats.org/package/2006/metadata/core-properties" xmlns:xsd="http://www.w3.org/2001/XMLSchema" xmlns:xsi="http://www.w3.org/2001/XMLSchema-instance" xmlns:dc="http://purl.org/dc/elements/1.1/" xmlns:dcterms="http://purl.org/dc/terms/" xmlns:odoc="http://schemas.microsoft.com/internal/obd" targetNamespace="http://schemas.openxmlformats.org/package/2006/metadata/core-properties" elementFormDefault="qualified" attributeFormDefault="unqualified" blockDefault="#all">
    <xsd:import namespace="http://purl.org/dc/elements/1.1/" schemaLocation="http://dublincore.org/schemas/xmls/qdc/2003/04/02/dc.xsd"/>
    <xsd:import namespace="http://purl.org/dc/terms/" schemaLocation="http://dublincore.org/schemas/xmls/qdc/2003/04/02/dcterms.xsd"/>
    <xsd:element name="coreProperties" type="CT_coreProperties"/>
    <xsd:complexType name="CT_coreProperties">
      <xsd:all>
        <xsd:element ref="dc:creator" minOccurs="0" maxOccurs="1"/>
        <xsd:element ref="dcterms:created" minOccurs="0" maxOccurs="1"/>
        <xsd:element ref="dc:identifier" minOccurs="0" maxOccurs="1"/>
        <xsd:element name="contentType" minOccurs="0" maxOccurs="1" type="xsd:string" ma:index="0" ma:displayName="Content Type"/>
        <xsd:element ref="dc:title" minOccurs="0" maxOccurs="1" ma:index="4" ma:displayName="Title"/>
        <xsd:element ref="dc:subject" minOccurs="0" maxOccurs="1"/>
        <xsd:element ref="dc:description" minOccurs="0" maxOccurs="1"/>
        <xsd:element name="keywords" minOccurs="0" maxOccurs="1" type="xsd:string"/>
        <xsd:element ref="dc:language" minOccurs="0" maxOccurs="1"/>
        <xsd:element name="category" minOccurs="0" maxOccurs="1" type="xsd:string"/>
        <xsd:element name="version" minOccurs="0" maxOccurs="1" type="xsd:string"/>
        <xsd:element name="revision" minOccurs="0" maxOccurs="1" type="xsd:string">
          <xsd:annotation>
            <xsd:documentation>
                        This value indicates the number of saves or revisions. The application is responsible for updating this value after each revision.
                    </xsd:documentation>
          </xsd:annotation>
        </xsd:element>
        <xsd:element name="lastModifiedBy" minOccurs="0" maxOccurs="1" type="xsd:string"/>
        <xsd:element ref="dcterms:modified" minOccurs="0" maxOccurs="1"/>
        <xsd:element name="contentStatus" minOccurs="0" maxOccurs="1" type="xsd:string"/>
      </xsd:all>
    </xsd:complexType>
  </xsd:schema>
  <xs:schema xmlns:pc="http://schemas.microsoft.com/office/infopath/2007/PartnerControls" xmlns:xs="http://www.w3.org/2001/XMLSchema" targetNamespace="http://schemas.microsoft.com/office/infopath/2007/PartnerControls" elementFormDefault="qualified" attributeFormDefault="unqualified">
    <xs:element name="Person">
      <xs:complexType>
        <xs:sequence>
          <xs:element ref="pc:DisplayName" minOccurs="0"/>
          <xs:element ref="pc:AccountId" minOccurs="0"/>
          <xs:element ref="pc:AccountType" minOccurs="0"/>
        </xs:sequence>
      </xs:complexType>
    </xs:element>
    <xs:element name="DisplayName" type="xs:string"/>
    <xs:element name="AccountId" type="xs:string"/>
    <xs:element name="AccountType" type="xs:string"/>
    <xs:element name="BDCAssociatedEntity">
      <xs:complexType>
        <xs:sequence>
          <xs:element ref="pc:BDCEntity" minOccurs="0" maxOccurs="unbounded"/>
        </xs:sequence>
        <xs:attribute ref="pc:EntityNamespace"/>
        <xs:attribute ref="pc:EntityName"/>
        <xs:attribute ref="pc:SystemInstanceName"/>
        <xs:attribute ref="pc:AssociationName"/>
      </xs:complexType>
    </xs:element>
    <xs:attribute name="EntityNamespace" type="xs:string"/>
    <xs:attribute name="EntityName" type="xs:string"/>
    <xs:attribute name="SystemInstanceName" type="xs:string"/>
    <xs:attribute name="AssociationName" type="xs:string"/>
    <xs:element name="BDCEntity">
      <xs:complexType>
        <xs:sequence>
          <xs:element ref="pc:EntityDisplayName" minOccurs="0"/>
          <xs:element ref="pc:EntityInstanceReference" minOccurs="0"/>
          <xs:element ref="pc:EntityId1" minOccurs="0"/>
          <xs:element ref="pc:EntityId2" minOccurs="0"/>
          <xs:element ref="pc:EntityId3" minOccurs="0"/>
          <xs:element ref="pc:EntityId4" minOccurs="0"/>
          <xs:element ref="pc:EntityId5" minOccurs="0"/>
        </xs:sequence>
      </xs:complexType>
    </xs:element>
    <xs:element name="EntityDisplayName" type="xs:string"/>
    <xs:element name="EntityInstanceReference" type="xs:string"/>
    <xs:element name="EntityId1" type="xs:string"/>
    <xs:element name="EntityId2" type="xs:string"/>
    <xs:element name="EntityId3" type="xs:string"/>
    <xs:element name="EntityId4" type="xs:string"/>
    <xs:element name="EntityId5" type="xs:string"/>
    <xs:element name="Terms">
      <xs:complexType>
        <xs:sequence>
          <xs:element ref="pc:TermInfo" minOccurs="0" maxOccurs="unbounded"/>
        </xs:sequence>
      </xs:complexType>
    </xs:element>
    <xs:element name="TermInfo">
      <xs:complexType>
        <xs:sequence>
          <xs:element ref="pc:TermName" minOccurs="0"/>
          <xs:element ref="pc:TermId" minOccurs="0"/>
        </xs:sequence>
      </xs:complexType>
    </xs:element>
    <xs:element name="TermName" type="xs:string"/>
    <xs:element name="TermId" type="xs:string"/>
  </xs:schema>
</ct:contentTypeSchema>
</file>

<file path=customXml/item2.xml><?xml version="1.0" encoding="utf-8"?>
<?mso-contentType ?>
<FormTemplates xmlns="http://schemas.microsoft.com/sharepoint/v3/contenttype/forms">
  <Display>DocumentLibraryForm</Display>
  <Edit>DocumentLibraryForm</Edit>
  <New>DocumentLibraryForm</New>
</FormTemplates>
</file>

<file path=customXml/item3.xml><?xml version="1.0" encoding="utf-8"?>
<p:properties xmlns:p="http://schemas.microsoft.com/office/2006/metadata/properties" xmlns:xsi="http://www.w3.org/2001/XMLSchema-instance" xmlns:pc="http://schemas.microsoft.com/office/infopath/2007/PartnerControls">
  <documentManagement>
    <TaxCatchAll xmlns="c5f3ef01-3a0e-4907-aad6-57c3e3b2a9db" xsi:nil="true"/>
    <SharedWithUsers xmlns="c5f3ef01-3a0e-4907-aad6-57c3e3b2a9db">
      <UserInfo>
        <DisplayName>Karthikeyan A</DisplayName>
        <AccountId>12</AccountId>
        <AccountType/>
      </UserInfo>
      <UserInfo>
        <DisplayName>Daren Harber</DisplayName>
        <AccountId>75</AccountId>
        <AccountType/>
      </UserInfo>
      <UserInfo>
        <DisplayName>Nailesh Sampat</DisplayName>
        <AccountId>28</AccountId>
        <AccountType/>
      </UserInfo>
      <UserInfo>
        <DisplayName>Suhas Kotkar</DisplayName>
        <AccountId>13</AccountId>
        <AccountType/>
      </UserInfo>
      <UserInfo>
        <DisplayName>Sailaja Revur</DisplayName>
        <AccountId>15</AccountId>
        <AccountType/>
      </UserInfo>
      <UserInfo>
        <DisplayName>Divya Misra</DisplayName>
        <AccountId>16</AccountId>
        <AccountType/>
      </UserInfo>
      <UserInfo>
        <DisplayName>Shailesh Nazare</DisplayName>
        <AccountId>11</AccountId>
        <AccountType/>
      </UserInfo>
      <UserInfo>
        <DisplayName>Sujit Kumar</DisplayName>
        <AccountId>18</AccountId>
        <AccountType/>
      </UserInfo>
      <UserInfo>
        <DisplayName>Mike Stacy</DisplayName>
        <AccountId>48</AccountId>
        <AccountType/>
      </UserInfo>
      <UserInfo>
        <DisplayName>Ranjan Konhalikar</DisplayName>
        <AccountId>296</AccountId>
        <AccountType/>
      </UserInfo>
      <UserInfo>
        <DisplayName>Nancy Stokes</DisplayName>
        <AccountId>49</AccountId>
        <AccountType/>
      </UserInfo>
      <UserInfo>
        <DisplayName>Abhijit Kadle</DisplayName>
        <AccountId>14</AccountId>
        <AccountType/>
      </UserInfo>
      <UserInfo>
        <DisplayName>Priyanka Banerjee</DisplayName>
        <AccountId>17</AccountId>
        <AccountType/>
      </UserInfo>
      <UserInfo>
        <DisplayName>Mayur Arjun</DisplayName>
        <AccountId>312</AccountId>
        <AccountType/>
      </UserInfo>
      <UserInfo>
        <DisplayName>Summit Kumar</DisplayName>
        <AccountId>46</AccountId>
        <AccountType/>
      </UserInfo>
      <UserInfo>
        <DisplayName>Gunjan Bhandari</DisplayName>
        <AccountId>39</AccountId>
        <AccountType/>
      </UserInfo>
      <UserInfo>
        <DisplayName>Suresh Nambiar</DisplayName>
        <AccountId>93</AccountId>
        <AccountType/>
      </UserInfo>
      <UserInfo>
        <DisplayName>Smriti Karmakar</DisplayName>
        <AccountId>74</AccountId>
        <AccountType/>
      </UserInfo>
      <UserInfo>
        <DisplayName>Nilesh Vedpathak</DisplayName>
        <AccountId>56</AccountId>
        <AccountType/>
      </UserInfo>
      <UserInfo>
        <DisplayName>Anand Chikane</DisplayName>
        <AccountId>64</AccountId>
        <AccountType/>
      </UserInfo>
      <UserInfo>
        <DisplayName>Anand Vedpathak</DisplayName>
        <AccountId>55</AccountId>
        <AccountType/>
      </UserInfo>
    </SharedWithUsers>
    <lcf76f155ced4ddcb4097134ff3c332f xmlns="0e238941-eb4a-45dc-9f85-cdf2c0c153ce">
      <Terms xmlns="http://schemas.microsoft.com/office/infopath/2007/PartnerControls"/>
    </lcf76f155ced4ddcb4097134ff3c332f>
  </documentManagement>
</p:properties>
</file>

<file path=customXml/itemProps1.xml><?xml version="1.0" encoding="utf-8"?>
<ds:datastoreItem xmlns:ds="http://schemas.openxmlformats.org/officeDocument/2006/customXml" ds:itemID="{1A01FA0C-645C-4002-B536-E3C07889B3BE}">
  <ds:schemaRefs>
    <ds:schemaRef ds:uri="0e238941-eb4a-45dc-9f85-cdf2c0c153ce"/>
    <ds:schemaRef ds:uri="c5f3ef01-3a0e-4907-aad6-57c3e3b2a9db"/>
    <ds:schemaRef ds:uri="http://purl.org/dc/elements/1.1/"/>
    <ds:schemaRef ds:uri="http://purl.org/dc/terms/"/>
    <ds:schemaRef ds:uri="http://schemas.microsoft.com/internal/obd"/>
    <ds:schemaRef ds:uri="http://schemas.microsoft.com/office/2006/documentManagement/types"/>
    <ds:schemaRef ds:uri="http://schemas.microsoft.com/office/2006/metadata/contentType"/>
    <ds:schemaRef ds:uri="http://schemas.microsoft.com/office/2006/metadata/properties"/>
    <ds:schemaRef ds:uri="http://schemas.microsoft.com/office/2006/metadata/properties/metaAttributes"/>
    <ds:schemaRef ds:uri="http://schemas.microsoft.com/office/infopath/2007/PartnerControls"/>
    <ds:schemaRef ds:uri="http://schemas.openxmlformats.org/package/2006/metadata/core-properties"/>
    <ds:schemaRef ds:uri="http://www.w3.org/2001/XMLSchema"/>
  </ds:schemaRefs>
</ds:datastoreItem>
</file>

<file path=customXml/itemProps2.xml><?xml version="1.0" encoding="utf-8"?>
<ds:datastoreItem xmlns:ds="http://schemas.openxmlformats.org/officeDocument/2006/customXml" ds:itemID="{C512A76E-9418-4B2D-84E8-DE5ED87297DD}">
  <ds:schemaRefs>
    <ds:schemaRef ds:uri="http://schemas.microsoft.com/sharepoint/v3/contenttype/forms"/>
  </ds:schemaRefs>
</ds:datastoreItem>
</file>

<file path=customXml/itemProps3.xml><?xml version="1.0" encoding="utf-8"?>
<ds:datastoreItem xmlns:ds="http://schemas.openxmlformats.org/officeDocument/2006/customXml" ds:itemID="{69D042FD-6C0C-4299-AB38-98F8ED5B841E}">
  <ds:schemaRefs>
    <ds:schemaRef ds:uri="http://purl.org/dc/elements/1.1/"/>
    <ds:schemaRef ds:uri="c5f3ef01-3a0e-4907-aad6-57c3e3b2a9db"/>
    <ds:schemaRef ds:uri="http://schemas.microsoft.com/office/infopath/2007/PartnerControls"/>
    <ds:schemaRef ds:uri="http://purl.org/dc/terms/"/>
    <ds:schemaRef ds:uri="http://purl.org/dc/dcmitype/"/>
    <ds:schemaRef ds:uri="http://schemas.microsoft.com/office/2006/documentManagement/types"/>
    <ds:schemaRef ds:uri="http://schemas.openxmlformats.org/package/2006/metadata/core-properties"/>
    <ds:schemaRef ds:uri="http://schemas.microsoft.com/office/2006/metadata/properties"/>
    <ds:schemaRef ds:uri="0e238941-eb4a-45dc-9f85-cdf2c0c153ce"/>
    <ds:schemaRef ds:uri="http://www.w3.org/XML/1998/namespace"/>
  </ds:schemaRefs>
</ds:datastoreItem>
</file>

<file path=docProps/app.xml><?xml version="1.0" encoding="utf-8"?>
<Properties xmlns="http://schemas.openxmlformats.org/officeDocument/2006/extended-properties" xmlns:vt="http://schemas.openxmlformats.org/officeDocument/2006/docPropsVTypes">
  <TotalTime>14</TotalTime>
  <Words>1882</Words>
  <Application>Microsoft Office PowerPoint</Application>
  <PresentationFormat>Widescreen</PresentationFormat>
  <Paragraphs>310</Paragraphs>
  <Slides>38</Slides>
  <Notes>1</Notes>
  <HiddenSlides>0</HiddenSlides>
  <MMClips>0</MMClips>
  <ScaleCrop>false</ScaleCrop>
  <HeadingPairs>
    <vt:vector size="4" baseType="variant">
      <vt:variant>
        <vt:lpstr>Theme</vt:lpstr>
      </vt:variant>
      <vt:variant>
        <vt:i4>1</vt:i4>
      </vt:variant>
      <vt:variant>
        <vt:lpstr>Slide Titles</vt:lpstr>
      </vt:variant>
      <vt:variant>
        <vt:i4>38</vt:i4>
      </vt:variant>
    </vt:vector>
  </HeadingPairs>
  <TitlesOfParts>
    <vt:vector size="39" baseType="lpstr">
      <vt:lpstr>Office Theme</vt:lpstr>
      <vt:lpstr>PowerPoint Presentation</vt:lpstr>
      <vt:lpstr>APTARA OVERVIEW</vt:lpstr>
      <vt:lpstr>LEARNING SERVICES CLIENTS</vt:lpstr>
      <vt:lpstr>OUR CLIENTS (OTHER SECTORS)</vt:lpstr>
      <vt:lpstr>AWARDS &amp; RECOGNITION</vt:lpstr>
      <vt:lpstr>APTARA’S TRAINING SOLUTIONS</vt:lpstr>
      <vt:lpstr>LEARNING PROFESSIONAL SERVICES</vt:lpstr>
      <vt:lpstr>PowerPoint Presentation</vt:lpstr>
      <vt:lpstr>GAMIFICATION: UNDERLYING PHILOSOPHY</vt:lpstr>
      <vt:lpstr>SALES EXCELLENCE SIMULATION</vt:lpstr>
      <vt:lpstr>PowerPoint Presentation</vt:lpstr>
      <vt:lpstr>PowerPoint Presentation</vt:lpstr>
      <vt:lpstr>PowerPoint Presentation</vt:lpstr>
      <vt:lpstr>PowerPoint Presentation</vt:lpstr>
      <vt:lpstr>LUMIFY SALES CHALLENGE</vt:lpstr>
      <vt:lpstr>PowerPoint Presentation</vt:lpstr>
      <vt:lpstr>PowerPoint Presentation</vt:lpstr>
      <vt:lpstr>PowerPoint Presentation</vt:lpstr>
      <vt:lpstr>PowerPoint Presentation</vt:lpstr>
      <vt:lpstr>MILK GAME</vt:lpstr>
      <vt:lpstr>PowerPoint Presentation</vt:lpstr>
      <vt:lpstr>PowerPoint Presentation</vt:lpstr>
      <vt:lpstr>PowerPoint Presentation</vt:lpstr>
      <vt:lpstr>PowerPoint Presentation</vt:lpstr>
      <vt:lpstr>ANTITRUST ROULETTE</vt:lpstr>
      <vt:lpstr>PowerPoint Presentation</vt:lpstr>
      <vt:lpstr>PowerPoint Presentation</vt:lpstr>
      <vt:lpstr>PowerPoint Presentation</vt:lpstr>
      <vt:lpstr>PowerPoint Presentation</vt:lpstr>
      <vt:lpstr>ASSESSMENT GAME</vt:lpstr>
      <vt:lpstr>PowerPoint Presentation</vt:lpstr>
      <vt:lpstr>PowerPoint Presentation</vt:lpstr>
      <vt:lpstr>PowerPoint Presentation</vt:lpstr>
      <vt:lpstr>PowerPoint Presentation</vt:lpstr>
      <vt:lpstr>BLENDED LEARNING FOR ROBLOX</vt:lpstr>
      <vt:lpstr>ADDITIONAL SAMPLES</vt:lpstr>
      <vt:lpstr>3D WORK SAMPLES</vt:lpstr>
      <vt:lpstr>PowerPoint Presentation</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GAMIFICATION AND MOBILE APPS</dc:title>
  <dc:creator>Karthikeyan.A@aptaracorp.com</dc:creator>
  <cp:lastModifiedBy>Karthikeyan A</cp:lastModifiedBy>
  <cp:revision>2</cp:revision>
  <dcterms:created xsi:type="dcterms:W3CDTF">2023-08-17T08:54:42Z</dcterms:created>
  <dcterms:modified xsi:type="dcterms:W3CDTF">2024-04-09T14:42:15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ContentTypeId">
    <vt:lpwstr>0x0101003884C429A132B44D9D8AD556FF9FC802</vt:lpwstr>
  </property>
  <property fmtid="{D5CDD505-2E9C-101B-9397-08002B2CF9AE}" pid="3" name="MediaServiceImageTags">
    <vt:lpwstr/>
  </property>
</Properties>
</file>